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codeName="{51196F13-6AD0-C1B8-E2B4-A1F9AE17003E}"/>
  <workbookPr codeName="ThisWorkbook" defaultThemeVersion="164011"/>
  <mc:AlternateContent xmlns:mc="http://schemas.openxmlformats.org/markup-compatibility/2006">
    <mc:Choice Requires="x15">
      <x15ac:absPath xmlns:x15ac="http://schemas.microsoft.com/office/spreadsheetml/2010/11/ac" url="C:\Users\ELOMY001\Desktop\Disney\Bulletins\s44\"/>
    </mc:Choice>
  </mc:AlternateContent>
  <bookViews>
    <workbookView xWindow="0" yWindow="0" windowWidth="17970" windowHeight="8190" activeTab="1"/>
  </bookViews>
  <sheets>
    <sheet name="Disney Channel" sheetId="1" r:id="rId1"/>
    <sheet name="Disney Junior" sheetId="4" r:id="rId2"/>
  </sheets>
  <definedNames>
    <definedName name="_xlnm._FilterDatabase" localSheetId="0" hidden="1">'Disney Channel'!$A$1:$V$1</definedName>
  </definedNames>
  <calcPr calcId="162913"/>
</workbook>
</file>

<file path=xl/sharedStrings.xml><?xml version="1.0" encoding="utf-8"?>
<sst xmlns="http://schemas.openxmlformats.org/spreadsheetml/2006/main" count="13099" uniqueCount="1590">
  <si>
    <t>Channel</t>
  </si>
  <si>
    <t>TX Date</t>
  </si>
  <si>
    <t>Day</t>
  </si>
  <si>
    <t>TX Time</t>
  </si>
  <si>
    <t>Series Title</t>
  </si>
  <si>
    <t>Episode Title</t>
  </si>
  <si>
    <t>Episode No</t>
  </si>
  <si>
    <t>Season</t>
  </si>
  <si>
    <t>Cast Info</t>
  </si>
  <si>
    <t>Synopsis</t>
  </si>
  <si>
    <t>Programme Type</t>
  </si>
  <si>
    <t>Genre</t>
  </si>
  <si>
    <t>Production Country</t>
  </si>
  <si>
    <t>Production Year</t>
  </si>
  <si>
    <t>Duration</t>
  </si>
  <si>
    <t>IDSubtitle</t>
  </si>
  <si>
    <t>Sound</t>
  </si>
  <si>
    <t>Programme Format</t>
  </si>
  <si>
    <t>TX ID</t>
  </si>
  <si>
    <t>Inedit</t>
  </si>
  <si>
    <t>LSF</t>
  </si>
  <si>
    <t>Audio Described</t>
  </si>
  <si>
    <t>DCFR</t>
  </si>
  <si>
    <t>24/10/2020</t>
  </si>
  <si>
    <t>samedi</t>
  </si>
  <si>
    <t>06:00:00</t>
  </si>
  <si>
    <t>LOLIROCK</t>
  </si>
  <si>
    <t>Guitare En Solo</t>
  </si>
  <si>
    <t>17</t>
  </si>
  <si>
    <t>1</t>
  </si>
  <si>
    <t>Réalisateur: Jean-Louis Vandestoc, Interprète: Cassandre BergetRéalisateur: Jean-Louis Vandestoc, Interprète: Cassandre Berget</t>
  </si>
  <si>
    <t>Nos héroïnes sont les invitées d’honneur du concours de « jeune talents » de Sunny Bay. Tandis qu’elle fait du shopping en vue du concert, le pendentif d’Iris se met à briller. La seule personne à proximité est Zach, un ami. Iris apprend alors qu’il joue de la guitare électrique... mais que ses parents ne le soutiennent pas du tout et ne seront pas présents au concert... Le soir venu, Zach est sidéré de voir ses parents parmi le public ! C’est Iris qui les a invités ! Au moment où il monte sur scène et se met à jouer, sa guitare s’échappe de ses mains, et s’envole haut dans le ciel !</t>
  </si>
  <si>
    <t>Série</t>
  </si>
  <si>
    <t>Animation</t>
  </si>
  <si>
    <t>France</t>
  </si>
  <si>
    <t>2013</t>
  </si>
  <si>
    <t>22min</t>
  </si>
  <si>
    <t/>
  </si>
  <si>
    <t>Prologic</t>
  </si>
  <si>
    <t>HD</t>
  </si>
  <si>
    <t>DA85085-TX</t>
  </si>
  <si>
    <t>06:25:00</t>
  </si>
  <si>
    <t>La Légende Du Lac Yness</t>
  </si>
  <si>
    <t>18</t>
  </si>
  <si>
    <t>Les trois Princesses décident d’aller se détendre au lac avant le concert. Une fois sur place, elles rencontrent Reilly et son grand frère Dan - Reilly est tout excité à l’idée d’apercevoir l’attraction légendaire du lac : le monstre Yny. Pourtant Dan lui soutient que le monstre n’existe pas... et qu’il ne s’agit sûrement que d’un gros poisson ! Adorant l’idée d’apercevoir un monstre, Auriana se joint aux garçons pour une excursion en bateau sur le lac. Mais le pendentif d’Iris ne tarde pas à briller, et il semble que le monstre Yny attaque le bateau !</t>
  </si>
  <si>
    <t>DA85086-TX</t>
  </si>
  <si>
    <t>07:00:00</t>
  </si>
  <si>
    <t>MIRACULOUS, LES AVENTURES DE LADYBUG ET CHAT NOIR</t>
  </si>
  <si>
    <t>Le Dislocoeur</t>
  </si>
  <si>
    <t>11</t>
  </si>
  <si>
    <t>Réalisateur: Thomas AstrucRéalisateur: Thomas Astruc</t>
  </si>
  <si>
    <t>C’est la Saint-Valentin, et Marinette découvre qu’Adrien a écrit un poème à une jeune fille qu’il voit tous les jours… Et s’il s’agissait d’elle ? Pour le découvrir, elle décide d’écrire une carte à Adrien dans laquelle elle lui déclare sa flamme.Dans son enthousiasme, elle encourage Kim à avouer lui aussi ses sentiments à Chloé. Mais cette dernière se moque de lui et le rejette. Humilié, Kim est akumatisé par Le Papillon et devient l’ange noir Dislocoeur. Armé d’un arc et de roses maléfiques, il veut faire disparaître l’amour et l’amitié du cœur des Parisiens pour les remplacer par la haine</t>
  </si>
  <si>
    <t>2015</t>
  </si>
  <si>
    <t>21min</t>
  </si>
  <si>
    <t>Version sous-titrée sourds et malentendants</t>
  </si>
  <si>
    <t>PG19197-TX</t>
  </si>
  <si>
    <t>07:25:00</t>
  </si>
  <si>
    <t>Le Mime</t>
  </si>
  <si>
    <t>13</t>
  </si>
  <si>
    <t>Catastrophe ! Marinette a effacé sans le vouloir une vidéo qu’Alya avait faite de Ladybug et où cette dernière la complimentait pour le Ladyblog ! Pensant qu’Alya sera furieuse, Marinette décide de lui cacher la vérité et de se transformer en Ladybug pour tourner à nouveau le film effacé. Mais son plan est compromis lorsqu’un nouveau vilain apparaît.</t>
  </si>
  <si>
    <t>PG19199-TX</t>
  </si>
  <si>
    <t>07:50:00</t>
  </si>
  <si>
    <t>BANDE DE SPORTIFS</t>
  </si>
  <si>
    <t>L'aviron</t>
  </si>
  <si>
    <t>21</t>
  </si>
  <si>
    <t xml:space="preserve">Réalisateur: Bakers </t>
  </si>
  <si>
    <t>Théo rencontre Hugo le rameur, qui avec toute sa bonne humeur, lui explique sa passion, l’AVIRON.</t>
  </si>
  <si>
    <t>1min</t>
  </si>
  <si>
    <t>PC82008-TX</t>
  </si>
  <si>
    <t>07:55:00</t>
  </si>
  <si>
    <t>LUZ À OSVILLE</t>
  </si>
  <si>
    <t>En quête de nouveaux sorts</t>
  </si>
  <si>
    <t>10</t>
  </si>
  <si>
    <t>Luz a besoin d'apprendre un nouveau sort. Eda l'emmène s'entraîner dans l'endroit le plus magique de l'île.</t>
  </si>
  <si>
    <t>États-Unis</t>
  </si>
  <si>
    <t>2018</t>
  </si>
  <si>
    <t>FR80355-HDTX</t>
  </si>
  <si>
    <t>08:25:00</t>
  </si>
  <si>
    <t>ZOMBIES 2</t>
  </si>
  <si>
    <t>Réalisateur: Paul Hoen, Interprète: Milo Manheim, Interprète: Trevor Tordjman, Interprète: Kylee Russell, Interprète: Meg Donnelly</t>
  </si>
  <si>
    <t>Zed et Addison sont de retour au lycée de Seabrook après un semestre bien rempli et ils continuent d'essayer d'unir leur école et leur communauté ! Mais l'arrivée d'un nouveau groupe de mystérieux loups-garous menace de perturber la paix retrouvée et fragilise l'idylle naissante entre Zed et Addison !</t>
  </si>
  <si>
    <t>Télefilm</t>
  </si>
  <si>
    <t>Fiction</t>
  </si>
  <si>
    <t>80min</t>
  </si>
  <si>
    <t>FR86218-HDTX</t>
  </si>
  <si>
    <t>10:20:00</t>
  </si>
  <si>
    <t>Rebrousse-temps</t>
  </si>
  <si>
    <t>56</t>
  </si>
  <si>
    <t>3</t>
  </si>
  <si>
    <t>Quand Marinette apprend qu’Adrien s’apprête à passer tout un week-end à Londres avec Kagami, elle décide de lui écrire une lettre pour lui avouer ses sentiments avant qu’il ne soit trop tard. Mais Maître Fu, malade, lui confie une ordonnance ainsi qu’une lettre pour Marianne, une vieille amie à qui il n’a pas su dire qu’il l’aimait. Marinette s’embrouille et confond les divers destinataires, donnant sa lettre pour Adrien à Marianne, qui interprète mal son contenu.</t>
  </si>
  <si>
    <t>FR84369-HDTX</t>
  </si>
  <si>
    <t>10:50:00</t>
  </si>
  <si>
    <t>Poupéflekta</t>
  </si>
  <si>
    <t>57</t>
  </si>
  <si>
    <t>Alors que Marinette organise un défilé de mode avec ses amis, elle se retrouve à jouer les modèles avec Adrien ! Pour mieux mettre en valeur les créations de Marinette, ils enlèvent leurs Miraculous et les laissent à l’arrière d’une voiture faisant office de loge. Déçue de n’avoir pas su exprimer son désir de faire le mannequin pour le défilé, Juleka redevient Réflekta. Et quand Marinette et Adrien voient la super-vilaine arriver avec son sentimonstre, ils découvrent qu’il ne s’agit pas d’une akumatisée comme les autres et comprennent que Papillon a reçu l’aide d’un allié spécial.</t>
  </si>
  <si>
    <t>FR84348-HDTX</t>
  </si>
  <si>
    <t>11:20:00</t>
  </si>
  <si>
    <t>Papa Garou</t>
  </si>
  <si>
    <t>58</t>
  </si>
  <si>
    <t>Quand Chat Noir manque de comprendre que Marinette est Ladybug, Marinette panique et lui fait croire qu’elle est amoureuse de lui pour détourner son attention. Mais ses parents assistent à sa déclaration, et Tom, absolument ravi, décide d’inviter Chat Noir à déjeuner chez les Dupain-Cheng. Mais quand le super-héros leur avoue qu’il n’est pas amoureux de Marinette, Tom a le coeur brisé et se fait akumatiser par le Papillon. Devenu Papa Garou, un immense homme-chien de garde monstrueux, il enferme Marinette dans une prison de ronces pour la protéger du monde extérieur et des peines de coeur.</t>
  </si>
  <si>
    <t>FR84367-HDTX</t>
  </si>
  <si>
    <t>11:50:00</t>
  </si>
  <si>
    <t>GABBY DURAN, BABY-SITTER D’EXTRATERRESTRES</t>
  </si>
  <si>
    <t>VOTRE ENFANT GOR-MONITE S'APPRETE A EXPLOSER</t>
  </si>
  <si>
    <t>Gabby Duran décroche un job très original dans sa nouvelle ville, grâce à son proviseur: Etre la baby-sitter d'un groupe d'enfants extraterrestres ingérables qui se cachent sur terre.</t>
  </si>
  <si>
    <t>23min</t>
  </si>
  <si>
    <t>FR83411-HDTX</t>
  </si>
  <si>
    <t>12:20:00</t>
  </si>
  <si>
    <t>VA-T’EN, LICORNE!</t>
  </si>
  <si>
    <t>Licorne et la neige! / Licorne, le capitaine!</t>
  </si>
  <si>
    <t>23</t>
  </si>
  <si>
    <t>Réalisateur: Jason GrohRéalisateur: Jason Groh</t>
  </si>
  <si>
    <t>Alice, Licorne, Pixie et Ollie participent à une course de luge qui ne se déroule pas tout à fait comme prévu!</t>
  </si>
  <si>
    <t>FR63214-HDTX</t>
  </si>
  <si>
    <t>12:45:00</t>
  </si>
  <si>
    <t>Licorne en orbite!</t>
  </si>
  <si>
    <t>37</t>
  </si>
  <si>
    <t>Quand Alice programme sa maison pour qu’elle se nettoie elle-même, celle-ci décide de se débarrasser de Licorne.</t>
  </si>
  <si>
    <t>11min</t>
  </si>
  <si>
    <t>FR63200-HDTX</t>
  </si>
  <si>
    <t>13:00:00</t>
  </si>
  <si>
    <t>Ladybug &amp; Chat Noir (Origines – Partie 1)</t>
  </si>
  <si>
    <t>25</t>
  </si>
  <si>
    <t>C’est la rentrée, et cette année encore, Marinette se retrouve dans la classe de Chloé, dont elle est le souffre-douleur. Mais elle trouve une amie en Alya, une nouvelle élève dont elle admire le caractère fonceur.Adrien, célèbre mannequin, aimerait aller au collège comme tout le monde, mais son père autoritaire et surprotecteur le lui interdit. Devenir Chat Noir lui permettra de découvrir pour la première fois les joies de la liberté et de laisser l’adolescent énergique et facétieux qui est en lui s’exprimer pleinement.</t>
  </si>
  <si>
    <t>PG19211-TX</t>
  </si>
  <si>
    <t>13:25:00</t>
  </si>
  <si>
    <t>Cœur De Pierre (Origines – Partie 2)</t>
  </si>
  <si>
    <t>Adrien décide de désobéir à son père et d’aller au collège pour la première fois. C’est là que Marinette le rencontre, mais un malentendu lui fait penser qu’Adrien ne vaut pas mieux que Chloé, avec qui il est ami.Nos collégiens n’ont pas le temps de faire connaissance car il leur faut affronter Cœur de Pierre, alias Ivan, akumatisé par Le Papillon. Si Adrien n’hésite pas un instant à se transformer en Chat Noir, Marinette manque de confiance en elle et ne veut plus être Ladybug.</t>
  </si>
  <si>
    <t>PG19203-TX</t>
  </si>
  <si>
    <t>14:00:00</t>
  </si>
  <si>
    <t>LA BANDE À PICSOU</t>
  </si>
  <si>
    <t>Le canard le plus riche du monde !</t>
  </si>
  <si>
    <t>48</t>
  </si>
  <si>
    <t>2</t>
  </si>
  <si>
    <t>Réalisateur: Matt Youngberg, Réalisateur: Francisco AngonesRéalisateur: Matt Youngberg, Réalisateur: Francisco Angones</t>
  </si>
  <si>
    <t>Loulou, Picsou et Lily Bouillotte doivent fuir devant un monstre invulnérable dont la mission est de traquer le canard le plus riche du monde.</t>
  </si>
  <si>
    <t>FR62761-HDTX</t>
  </si>
  <si>
    <t>14:25:00</t>
  </si>
  <si>
    <t>Invasion lunaire ! 1e partie</t>
  </si>
  <si>
    <t>49</t>
  </si>
  <si>
    <t>Réalisateur: Francisco Angones, Réalisateur: Matt YoungbergRéalisateur: Matt Youngberg, Réalisateur: Francisco Angones</t>
  </si>
  <si>
    <t>La famille rassemble une armée pour se défendre contre une invasion. Della et les enfants parcourent le globe pour trouver des renforts. Picsou mène ses troupes contre les forces de Lunaris.</t>
  </si>
  <si>
    <t>FR62759-HDTX</t>
  </si>
  <si>
    <t>14:50:00</t>
  </si>
  <si>
    <t>Le Handball</t>
  </si>
  <si>
    <t>22</t>
  </si>
  <si>
    <t>Théo reçoit plein de conseils sur le HANDBALL.</t>
  </si>
  <si>
    <t>PC82009-TX</t>
  </si>
  <si>
    <t>15:00:00</t>
  </si>
  <si>
    <t>PAF LE CHIEN</t>
  </si>
  <si>
    <t>Capuche se fait la belle</t>
  </si>
  <si>
    <t>Réalisateur: Charles VaucelleRéalisateur: Charles Vaucelle</t>
  </si>
  <si>
    <t>Lola a décidé de créer le profil de Paf et Capuche "sur Mybook". Lola a écrit le scénario. La jeune fille a fixé la caméra sur la tête de Paf pour une réalisation « caméra à l’épaule ». C’est parti pour le tournage de Super Capuche contre le docteur Paf. Mais lorsque les Guanos détraquent le robot aspirateur sur lequel est juché le chaton, et que celui-ci détruit le doudou de Tank, le tournage part vite en sucette.</t>
  </si>
  <si>
    <t>2017</t>
  </si>
  <si>
    <t>7min</t>
  </si>
  <si>
    <t>FR66503-HDTX</t>
  </si>
  <si>
    <t>15:15:00</t>
  </si>
  <si>
    <t>Spéléopaf</t>
  </si>
  <si>
    <t>En jouant avec le scrapbook de Lola, Capuche est tombé dans les égouts avec le précieux livre. Victor, jamais en reste, fait croire à Lola qu’il a le livre et l’oblige à ramasser les feuilles mortes de son jardin si elle veut le revoir. Mais notre héros a tout vu. Paf va s’enfoncer dans les entrailles de la ville pour retrouver le chaton et le bouquin.</t>
  </si>
  <si>
    <t>FR66514-HDTX</t>
  </si>
  <si>
    <t>15:30:00</t>
  </si>
  <si>
    <t>Vide grenier</t>
  </si>
  <si>
    <t>C’est jour de vide-grenier et Lola a décidé de vendre le vieux panier de Paf. Il est trop grand maintenant. Paf a le cœur gros. Mais ce panier attire la convoitise de Tank, qui en est jaloux et des Guanos qui y voient l’occasion de se trouver un petit nid douillet. Tandis que Lola et Victor luttent pour le titre de meilleur vendeur, Paf va batailler pour ramener son ancien panier à sa maîtresse…</t>
  </si>
  <si>
    <t>FR66525-HDTX</t>
  </si>
  <si>
    <t>15:45:00</t>
  </si>
  <si>
    <t>ELENA D'AVALOR</t>
  </si>
  <si>
    <t>Le Joyau de Maru</t>
  </si>
  <si>
    <t>27</t>
  </si>
  <si>
    <t>Réalisateur: Robb PrattRéalisateur: Robb Pratt</t>
  </si>
  <si>
    <t>Le jour de Día de los Muertos, Elena tente d’empêcher Victor et Carla de voler un puissant joyau maruvien.</t>
  </si>
  <si>
    <t>FR54795-HDTX</t>
  </si>
  <si>
    <t>16:10:00</t>
  </si>
  <si>
    <t>Rivalité royale</t>
  </si>
  <si>
    <t>28</t>
  </si>
  <si>
    <t>Réalisateur: Robb Pratt, Réalisateur: Nathan ChewRéalisateur: Robb Pratt</t>
  </si>
  <si>
    <t>Alors qu'elle tente de créer des liens avec un royaume voisin, Elena se découvre un esprit de compétition lorsqu'elle est mise au défi par une autre princesse.</t>
  </si>
  <si>
    <t>FR54796-HDTX</t>
  </si>
  <si>
    <t>16:45:00</t>
  </si>
  <si>
    <t>MIRACULOUS WORLD: NEW YORK, LES HÉROS UNIS</t>
  </si>
  <si>
    <t>Réalisateur: Thomas Astruc</t>
  </si>
  <si>
    <t>La classe de Marinette doit se rendre à New York, la ville des super héros, pour célébrer la semaine de l'amitié franco-américaine. Toute la classe… sauf Adrien, car son père refuse de le laisser partir. Ladybug demande à Chat Noir de veiller sur Paris sans lui dire pourquoi elle doit s'absenter. Ce dernier prend la mission très au sérieux… mais lorsque Marinette, en tant que déléguée de classe, convainc Gabriel de laisser partir son fils avec ses camarades, Adrien a un problème. Il ne peut pas veiller en même temps sur Paris et être avec sa classe à New York. Comment va-t-il faire ?</t>
  </si>
  <si>
    <t>2020</t>
  </si>
  <si>
    <t>FR87926-HDTX</t>
  </si>
  <si>
    <t>17:45:00</t>
  </si>
  <si>
    <t>CAMP KIKIWAKA</t>
  </si>
  <si>
    <t>Le festival du Homard</t>
  </si>
  <si>
    <t>Interprète: Karan Brar, Interprète: Raphael Alejandro, Interprète: Mallory James Mahoney, Interprète: Peyton List, Interprète: Miranda May, Interprète: Will Buie, Interprète: Skai JacksonInterprète: Will Buie, Interprète: Skai Jackson, Interprète: Karan Brar, Interprète: Raphael Alejandro, Interprète: Peyton List, Interprète: Mallory James Mahoney, Interprète: Miranda May</t>
  </si>
  <si>
    <t>Le Festival du Homard de Kikiwaka arrive et les enfants Ross sont bien décidés à en faire le meilleur des festivals. Malheureusement, tout va de travers et se termine en désastre.</t>
  </si>
  <si>
    <t>FR57027-HDTX</t>
  </si>
  <si>
    <t>18:10:00</t>
  </si>
  <si>
    <t>L'initiation</t>
  </si>
  <si>
    <t>50</t>
  </si>
  <si>
    <t>Interprète: Miranda May, Interprète: Skai Jackson, Interprète: Will Buie, Interprète: Raphael Alejandro, Interprète: Karan Brar, Interprète: Mallory James Mahoney, Interprète: Peyton ListInterprète: Will Buie, Interprète: Skai Jackson, Interprète: Karan Brar, Interprète: Raphael Alejandro, Interprète: Peyton List, Interprète: Mallory James Mahoney, Interprète: Miranda May</t>
  </si>
  <si>
    <t>Matteo et Finn ont découvert des ossements qu'ils attribuent à une nouvelle espèce. Ils essaient de piéger la créature.</t>
  </si>
  <si>
    <t>FR57028-HDTX</t>
  </si>
  <si>
    <t>18:35:00</t>
  </si>
  <si>
    <t>La fête de Lou</t>
  </si>
  <si>
    <t>51</t>
  </si>
  <si>
    <t>Interprète: Miranda May, Interprète: Will Buie, Interprète: Skai Jackson, Interprète: Karan Brar, Interprète: Raphael Alejandro, Interprète: Mallory James Mahoney, Interprète: Peyton ListInterprète: Will Buie, Interprète: Skai Jackson, Interprète: Karan Brar, Interprète: Raphael Alejandro, Interprète: Peyton List, Interprète: Mallory James Mahoney, Interprète: Miranda May</t>
  </si>
  <si>
    <t>Finn, Matteo et Destiny réparent un vieux camion pour les dix ans de Lou au camp Kikiwaka. Emma, Ravi et Zuri lui préparent une fête suprise.</t>
  </si>
  <si>
    <t>FR57029-HDTX</t>
  </si>
  <si>
    <t>19:00:00</t>
  </si>
  <si>
    <t>L’imposteur</t>
  </si>
  <si>
    <t>Catastrophe ! Marinette a laissé par erreur un message sur le répondeur d’Adrien dans lequel elle lui avoue ses sentiments. Il faut absolument qu’elle retrouve le téléphone d’Adrien avant lui pour effacer le message compromettant.Prise dans sa course contre la montre, elle ne peut pas assister à l’inauguration d’une statue de Ladybug et Chat Noir créée par Théo Camiel. Chat Noir profite de son absence pour faire croire à Théo, amoureux de notre héroïne, qu’il y a plus que de l’amitié entre Ladybug et lui. Déçu et jaloux, Théo est akumatisé par Le Papillon.</t>
  </si>
  <si>
    <t>PG19189-TX</t>
  </si>
  <si>
    <t>19:25:00</t>
  </si>
  <si>
    <t>Chronogirl</t>
  </si>
  <si>
    <t>4</t>
  </si>
  <si>
    <t>Les camarades de classe d’Alix cassent, sans le faire exprès, une montre d’une valeur inestimable offerte par son père. Furieuse, elle est akumatisée par Le Papillon et devient Timebreaker. Armée de ses rollers, elle compte utiliser l’énergie de ses camarades en les faisant disparaître pour pouvoir remonter dans le temps et sauver sa montre. En essayant de l’arrêter, Ladybug retourne dans le passé avec elle.Aidée de Chat Noir et de son double du passé, elle doit neutraliser Timebreaker. Mais la tâche n’est pas aisée, car Timebreaker s’est elle aussi dédoublée !</t>
  </si>
  <si>
    <t>PG19190-TX</t>
  </si>
  <si>
    <t>19:50:00</t>
  </si>
  <si>
    <t>Le Pharaon</t>
  </si>
  <si>
    <t>5</t>
  </si>
  <si>
    <t>A cause d’une maladresse de Ladybug, Alya est persuadée que cette dernière est une collégienne. Pour empêcher Alya de découvrir son secret et suivant les conseils de Tikki, Marinette entraîne alors sa meilleure amie au musée, sans savoir elle-même pourquoi.Mais sur place, le grand frère d’Alix, Jalil, un jeune égyptologue, est akumatisé par Le Papillon et devient Pharaon, un super vilain doté des pouvoirs des dieux de l’Egypte ancienne. Il compte sacrifier Alya lors d’un rituel afin de ressusciter son amour perdu, une antique princesse égyptienne !</t>
  </si>
  <si>
    <t>PG19191-TX</t>
  </si>
  <si>
    <t>20:15:00</t>
  </si>
  <si>
    <t>M. Pigeon</t>
  </si>
  <si>
    <t>6</t>
  </si>
  <si>
    <t>M. Ramier aime nourrir les pigeons, mais les gardiens de parc le lui interdisent et le bannissent. Akumatisé en M. Pigeon et aidé par ses amis à plumes, il veut faire de la capitale un véritable royaume pour pigeons. Il enlève donc tous les gardiens de square, leurs ennemis jurés, et la ville se retrouve envahie par les pigeons.Ladybug et Chat Noir doivent se débarrasser de cet emplumé, mais les allergies de Chat Noir ne sont pas pour leur faciliter la tâche.</t>
  </si>
  <si>
    <t>PG19192-TX</t>
  </si>
  <si>
    <t>21:00:00</t>
  </si>
  <si>
    <t>Journal secret</t>
  </si>
  <si>
    <t>Gabby découvre que Wesley tient un journal où il écrit tout ce qu'il a appris sur les extraterrestres en faisant du baby-sitting avec Gabby.</t>
  </si>
  <si>
    <t>FR77782-HDTX</t>
  </si>
  <si>
    <t>21:25:00</t>
  </si>
  <si>
    <t>Qui est Joey Panther ?</t>
  </si>
  <si>
    <t>14</t>
  </si>
  <si>
    <t>Gabby a très envie d'aller au premier bal de promo du collège, mais rien ne se passe comme prévu. Wesley a invité Rhonda.</t>
  </si>
  <si>
    <t>FR77786-HDTX</t>
  </si>
  <si>
    <t>22:00:00</t>
  </si>
  <si>
    <t>SIDNEY AU MAX</t>
  </si>
  <si>
    <t>La petite boutique des Reynolds</t>
  </si>
  <si>
    <t>12</t>
  </si>
  <si>
    <t>Max et Sydney préparent le magasin pour une braderie. Quand le père de Léo engage une fille pour travailler à l'arcade, Max et Léo se battent pour l'impressionner.</t>
  </si>
  <si>
    <t>2019</t>
  </si>
  <si>
    <t>FR66739-HDTX</t>
  </si>
  <si>
    <t>22:25:00</t>
  </si>
  <si>
    <t>Olive trésorière</t>
  </si>
  <si>
    <t>Sydney tente d'aider Olive qui a perdu l'argent de la collecte de fonds des élèves. Léo apprend à danser à Max pour qu'il accompagne sa mère à un mariage.</t>
  </si>
  <si>
    <t>FR66740-HDTX</t>
  </si>
  <si>
    <t>23:00:00</t>
  </si>
  <si>
    <t>RAVEN</t>
  </si>
  <si>
    <t>Nouvelle carrière</t>
  </si>
  <si>
    <t>Quand monsieur Arthur dit à Booker qu'il n'est pas prêt pour couper les cheveux des clients, celui-ci décide d'ouvrir son propre salon dans les toilettes de l'école.</t>
  </si>
  <si>
    <t>FR77776-HDTX</t>
  </si>
  <si>
    <t>23:25:00</t>
  </si>
  <si>
    <t>Le vieux canapé</t>
  </si>
  <si>
    <t>Lorsque Nia et Levi surprennent leurs mères avec un nouveau canapé et font don de l'ancien, Raven et Chelsea révèlent qu'elles ont caché l'argent de l'arrangement de Chelsea dans les coussins !</t>
  </si>
  <si>
    <t>FR77777-HDTX</t>
  </si>
  <si>
    <t>LES NUITS DE Disney Channel France</t>
  </si>
  <si>
    <t>25/10/2020</t>
  </si>
  <si>
    <t>dimanche</t>
  </si>
  <si>
    <t>FRIENDS: CINQ FILLES EN MISSION</t>
  </si>
  <si>
    <t>L'ancien, c'est trop bien!</t>
  </si>
  <si>
    <t>7</t>
  </si>
  <si>
    <t>Réalisateur: Stephen Murray, Réalisateur: Andrew TanRéalisateur: Stephen Murray, Réalisateur: Andrew Tan</t>
  </si>
  <si>
    <t>Poursuivant ses projets de démolition du quartier historique de Heartlake City, Dr Alva oblige les commerçants à fermer boutique. Nos amies vont aider la dernière commerçante à résister aux assauts du Dr Alva.</t>
  </si>
  <si>
    <t>Danemark</t>
  </si>
  <si>
    <t>10min</t>
  </si>
  <si>
    <t>FR62039-HDTX</t>
  </si>
  <si>
    <t>06:10:00</t>
  </si>
  <si>
    <t>Intrigues en studio</t>
  </si>
  <si>
    <t>8</t>
  </si>
  <si>
    <t>Andrea va avoir la chance de partager la même scène que Jérémy Doré, le chanteur en vogue, le temps d'un de ses tubes! Mais le manager de JD ne voit pas ce duo d'un très bon oeil.</t>
  </si>
  <si>
    <t>FR62040-HDTX</t>
  </si>
  <si>
    <t>L'Equipe</t>
  </si>
  <si>
    <t>Mia montre qu'elle assure en kart, Vicky commence à douter de sa victoire.</t>
  </si>
  <si>
    <t>FR62027-HDTX</t>
  </si>
  <si>
    <t>06:35:00</t>
  </si>
  <si>
    <t>Lego Friends: Cinq Filles En Mission</t>
  </si>
  <si>
    <t>Alors que les filles font du parachute ascentionnel elles rencontrent une île de déchets se dirigeant vers la plage , elles doivent trouver un moyen pour l'arrêter.</t>
  </si>
  <si>
    <t>FR62028-HDTX</t>
  </si>
  <si>
    <t>Le Ping Pong</t>
  </si>
  <si>
    <t>Théo fait la rencontre de Lou, qui lui enseigne tous ses plus jolis coups au Ping Pong.</t>
  </si>
  <si>
    <t>PC82010-TX</t>
  </si>
  <si>
    <t>Le premier jour</t>
  </si>
  <si>
    <t>C'est la rentrée des classes de Luz à l'école de magie et elle est aux anges. Mais quand on lui dit qu'elle ne peut étudier qu'un seul type de magie, elle ne peut pas choisir entre tous les cours sympas !</t>
  </si>
  <si>
    <t>FR88070-HDTX</t>
  </si>
  <si>
    <t>Elena D'Avalor S3 Ep 78</t>
  </si>
  <si>
    <t>78</t>
  </si>
  <si>
    <t>Elena continue sa quête tout en protégeant son royaume d'une famille de sorciers malfaisants et en apprenant à maîtriser ses nouveaux pouvoirs magiques.</t>
  </si>
  <si>
    <t>FR87980-HDTX</t>
  </si>
  <si>
    <t>Nouveau</t>
  </si>
  <si>
    <t>08:50:00</t>
  </si>
  <si>
    <t>Elena D'Avalor S3 Ep 76</t>
  </si>
  <si>
    <t>76</t>
  </si>
  <si>
    <t>FR71274-HDTX</t>
  </si>
  <si>
    <t>09:15:00</t>
  </si>
  <si>
    <t>ELENA D’AVALOR : LE CHANT DES SIRÈNES</t>
  </si>
  <si>
    <t>Elena se rend sur la côte ouest d'Avalor afin de rendre visite à des membres de sa famille qu'elle n'a pas vus depuis des années. Durant son voyage, elle rencontera des sirènes, mystérieuses créatures aquatiques… et Shuriki !</t>
  </si>
  <si>
    <t>Special</t>
  </si>
  <si>
    <t>45min</t>
  </si>
  <si>
    <t>FR58893-HDTX</t>
  </si>
  <si>
    <t>Gorizilla</t>
  </si>
  <si>
    <t>36</t>
  </si>
  <si>
    <t>Alors que Gabriel soupçonne Adrien d’être Chat Noir, ce dernier parvient à déjouer la vigilance de son garde du corps et à sortir de chez lui. Incapable de retrouver Adrien, son garde du corps est akumatisé en Gorizilla. Commence alors une véritable chasse à l’homme. Gorizilla, doté d’un flair et d’une force hors du commun, qui traquent Adrien dans tout Paris.Marinette et Adrien parviendront-ils à leur échapper pour devenir Ladybug et Chat Noir et arrêter le super vilain ? Et Gabriel découvrira-t-il la vérité sur la double identité de son fils ?</t>
  </si>
  <si>
    <t>2016</t>
  </si>
  <si>
    <t>FR32410-HDTX</t>
  </si>
  <si>
    <t>Robostus</t>
  </si>
  <si>
    <t>Markov, le meilleur ami de Max, est un petit robot doté d’émotions. Mais quand Max l’emmène avec lui au collège, Mme Mendeleiev et le proviseur M. Damoclès le traitent comme un jouet et le séparent de Max. Profitant de la détresse de Markov, le Papillon l’akumatise en Robostus.Désormais capable de donner vie aux objets inanimés, Robostus sème le chaos dans Paris. Il veut réunir les Miraculous de Ladybug et Chat Noir pour ne plus jamais être séparé de son ami Max.Nos deux super-héros parviendront-ils à faire entendre raison à ce robot tout ce qu’il y a de plus humain ?</t>
  </si>
  <si>
    <t>FR32411-HDTX</t>
  </si>
  <si>
    <t>Sapotis</t>
  </si>
  <si>
    <t>38</t>
  </si>
  <si>
    <t>Alors que Marinette et Alya font une soirée pyjama chez cette dernière, les petites sœurs d’Alya, les jumelles Etta et Ella, enchaînent les bêtises. Punies par Alya, les jumelles se font akumatiser par le Papillon. Devenues les Sapotis, des petits monstres incontrôlables qui se reproduisent en mangean. Rapidement dépassée par la situation et le nombre de Sapotis facétieux, Ladybug doit faire appel à une nouvelle super héroïne. Elle choisit Alya et lui confie le Miraculous du Renard. Alya devient Rena Rouge, la super-héroïne renarde armée d’une flûte à illusions !</t>
  </si>
  <si>
    <t>FR32412-HDTX</t>
  </si>
  <si>
    <t>Wesley et Stuart Fischman</t>
  </si>
  <si>
    <t>Gabby doit faire un choix : garder le secret sur son activité de baby-sitter d'extraterrestres ou prendre le risque de tout révéler à son meilleur ami Wesley, obnubilé par les extraterrestres.</t>
  </si>
  <si>
    <t>FR83412-HDTX</t>
  </si>
  <si>
    <t>Licorne, le robot! / Licorne et boule de poils!</t>
  </si>
  <si>
    <t>24</t>
  </si>
  <si>
    <t>Alice s’occupe du cochon d’Inde de sa classe, jusqu’à ce qu’il disparaisse avec Licorne!</t>
  </si>
  <si>
    <t>FR63217-HDTX</t>
  </si>
  <si>
    <t>Licorne et les abeilles!</t>
  </si>
  <si>
    <t>39</t>
  </si>
  <si>
    <t>Toute la famille participe à un jeu d'évasion. Alice et Licorne sont persuadés de pouvoir résoudre facilement le mystère… sauf que tout le monde se met soudainement à disparaître de la pièce, excepté Alice.</t>
  </si>
  <si>
    <t>FR63206-HDTX</t>
  </si>
  <si>
    <t>Princesse Fragrance</t>
  </si>
  <si>
    <t>15</t>
  </si>
  <si>
    <t>La journée commence mal pour Marinette : non seulement Tikki est très malade, mais à force de repousser le moment de la faire soigner, notre héroïne finit par la perdre par négligence ! Pendant ce temps, Rose, une élève du collège très romantique, est akumatisée par Le Papillon. Devenue Princesse Fragrance et armée de son flacon de parfum, elle sème une pagaille parfumée dans toute la capitale et enlève l’élu de son cœur, un prince en visite à Paris.Chat Noir s’étant fait envoûter par Princesse Fragrance, c’est à Ladybug d’affronter seule la méchante… et Chat Noir !</t>
  </si>
  <si>
    <t>PG19201-TX</t>
  </si>
  <si>
    <t>Invasion lunaire ! 2e Partie</t>
  </si>
  <si>
    <t>Pour sauver la Terre de l’invasion de Lunaris, la famille doit se lier et se battre aux côtés d’un des plus grands ennemis de Picsou.</t>
  </si>
  <si>
    <t>FR62760-HDTX</t>
  </si>
  <si>
    <t>Excursion au pays des jeux</t>
  </si>
  <si>
    <t>Réalisateur: Dana Terrace, Interprète: David TennantRéalisateur: Dana Terrace, Interprète: David Tennant</t>
  </si>
  <si>
    <t>Les neveux emmènent Zaza au Pays des Jeux de Funzo et se font kidnapper par les frères Rapetou. Donald se révolte contre le règlement intérieur de Mamie Baba.</t>
  </si>
  <si>
    <t>FR60377-HDTX</t>
  </si>
  <si>
    <t>AD</t>
  </si>
  <si>
    <t>Mini Squash</t>
  </si>
  <si>
    <t>Théo découvre le Mini Squash grâce aux duos de choc Tom et Luna.</t>
  </si>
  <si>
    <t>PC82011-TX</t>
  </si>
  <si>
    <t>La Chenille</t>
  </si>
  <si>
    <t>Pour l’école, Lola doit s’occuper d’une chenille extrêmement rare. Mais celle-ci attire la convoitise des Guanos qui la voient bien saignante au barbecue. De plus, Capuche a décidé de jouer avec la larve. Quand celle-ci disparaît, c’est l’angoisse pour Lola. Mais Paf veille et affronte l’horrible trio de pigeons dans un combat sans merci.</t>
  </si>
  <si>
    <t>FR66536-HDTX</t>
  </si>
  <si>
    <t>Paf ramène sa fraise</t>
  </si>
  <si>
    <t>Lola et Paf cultivent une fraise dans le jardin. Une seule, certes, mais elle est magnifique. Comme chaque année, cette splendide fraise va servir à confectionner une grosse tarte à la fraise. Mais cette fraise attise la convoitise de plusieurs… et surtout d’une taupe bigleuse mais acharnée. Dans les airs ou sous terre, Paf va contrecarrer les plans de tous ses adversaires et permettre à la famille de goûter une fois de plus à ce délicieux gâteau !</t>
  </si>
  <si>
    <t>FR66547-HDTX</t>
  </si>
  <si>
    <t>Attraction pas réciproque</t>
  </si>
  <si>
    <t>Lola organise une après-midi jeux avec ses copains. Mais lorsque Victor surgit avec la dernière console du moment, la petite fille a l’air bien penaude avec son jeu fait maison. C’est certain, ses amis préféreront aller chez Victor. Qu’à cela ne tienne, Paf en sautant sur un matelas gonflable donne une super idée à sa maîtresse… fabriquer un mini parc d’attraction. Victor et les Guanos feront tout pour réduire ce parc en miettes !</t>
  </si>
  <si>
    <t>FR66558-HDTX</t>
  </si>
  <si>
    <t>La malédiction d'El Guapo</t>
  </si>
  <si>
    <t>29</t>
  </si>
  <si>
    <t>Lorsque Gaby "emprunte" une épée ensorcelée, il adopte la personnalité prétentieuse de son ancien propriétaire.</t>
  </si>
  <si>
    <t>FR54797-HDTX</t>
  </si>
  <si>
    <t>Animaestro</t>
  </si>
  <si>
    <t>54</t>
  </si>
  <si>
    <t>Les parents de Marinette assurent le buffet pour l’avant-première du film Ladybug et Chat Noir, à laquelle le Tout-Paris est invité… y compris Adrien ! Marinette décide de s’y rendre en prétextant aider ses parents, bien décidée à profiter de l’événement pour offrir un macaron spécial à Adrien et lui montrer combien il compte pour elle. Mais sur place, personne ne reconnaît le réalisateur du film, qui se fait traiter comme un parfait inconnu et finit par perdre patience.</t>
  </si>
  <si>
    <t>FR76941-HDTX</t>
  </si>
  <si>
    <t>17:10:00</t>
  </si>
  <si>
    <t>Boulangerix</t>
  </si>
  <si>
    <t>55</t>
  </si>
  <si>
    <t>Aujourd’hui, c’est l’anniversaire de Tom, le papa de Marinette. Sabine invite le père de Tom, Roland, à venir fêter l’événement avec eux, mais Roland refuse : cela fait 20 ans qu’il n’est pas sorti de chez lui, et il ne veut pas que cela change. Pour faire plaisir à son père, Marinette décide d’aller rencontrer son grand-père pour le persuader de se joindre à eux. Mais une fois sur place, Marinette n’ose pas se présenter, intimidée par le vieil homme bougon et têtu, et finit par lui mentir sur son identité.</t>
  </si>
  <si>
    <t>FR84347-HDTX</t>
  </si>
  <si>
    <t>19:30:00</t>
  </si>
  <si>
    <t>Le Dessinateur</t>
  </si>
  <si>
    <t>Chloé se moque de Nathanaël, un camarade de classe amoureux de Marinette. Blessé, il est akumatisé par Le Papillon. Devenu Le Dessinateur, et armé de son carnet de croquis et de son crayon, il n’hésite pas à effacer tous les obstacles qui se dressent sur son chemin pour se venger de cette peste de Chloé et la rayer de sa vie. Ladybug ne peut pas se transformer, car seule Marinette a le pouvoir d’apaiser le Dessinateur. Chat Noir devra donc l’affronter seul, guidé à distance par notre super héroïne.</t>
  </si>
  <si>
    <t>PG19194-TX</t>
  </si>
  <si>
    <t>19:55:00</t>
  </si>
  <si>
    <t>Rogercop</t>
  </si>
  <si>
    <t>9</t>
  </si>
  <si>
    <t>Lors de la journée des parents au collège, Chloé accuse Marinette de lui avoir volé son nouveau bracelet ! En essayant de ramener l’ordre dans la classe, Roger, le papa policier de Sabrina, se fait renvoyer par le Maire, M. Bourgeois. Furieux et humilié, il est akumatisé par Le Papillon. Devenu Rogercop, un super-vilain qui prétend incarner la loi, il compte se venger du Maire et faire régner une justice tyrannique sur toute la ville. Chat Noir et Ladybug devront prouver que ce sont eux les véritables justiciers de Paris et innocenter Marinette.</t>
  </si>
  <si>
    <t>FR80870-HDTX</t>
  </si>
  <si>
    <t>20:20:00</t>
  </si>
  <si>
    <t>Horrificator</t>
  </si>
  <si>
    <t>La classe de Marinette doit réaliser un petit film d’horreur pour un festival. Marinette, désignée productrice, doit tout faire pour que le film soit tourné dans la journée. Mais l’actrice principale, Mylène, est trop effrayée pour jouer, ce qui lui attire les reproches de certains de ses camarades. Blessée, elle quitte le plateau. Marinette doit alors la remplacer, et tourner la scène où elle embrasse l’acteur principal… Adrien !</t>
  </si>
  <si>
    <t>PG19196-TX</t>
  </si>
  <si>
    <t>MICKEY MOUSE COMPILATION</t>
  </si>
  <si>
    <t>Le match de football / Bobo à la papatte / Le couple adorable</t>
  </si>
  <si>
    <t>Réalisateur: Clayton Morrow, Réalisateur: Aaron SpringerRéalisateur: Aaron Springer, Réalisateur: Clayton Morrow</t>
  </si>
  <si>
    <t>Découvrez ou redécouvrez les plus belles aventures de Mickey et ses amis dans cette compilation spéciale Mickey Mouse !</t>
  </si>
  <si>
    <t>2014</t>
  </si>
  <si>
    <t>PG01774-TX</t>
  </si>
  <si>
    <t>21:10:00</t>
  </si>
  <si>
    <t>DISNEY MICKEY MOUSE (COMPILATION)</t>
  </si>
  <si>
    <t>Suprise!/ Un Amour de scooter</t>
  </si>
  <si>
    <t>Retrouvez une compilation des épisodes de la saison 5 de Mickey Mouse</t>
  </si>
  <si>
    <t>FR81483-HDTX</t>
  </si>
  <si>
    <t>21:20:00</t>
  </si>
  <si>
    <t>Le safari fabuleux/Un chapeau pour Mickey/La belle vie</t>
  </si>
  <si>
    <t>FR81484-HDTX</t>
  </si>
  <si>
    <t>21:30:00</t>
  </si>
  <si>
    <t>Le marché flottant/Toi, moi... et Fifi/Mon petit jardin</t>
  </si>
  <si>
    <t>FR81485-HDTX</t>
  </si>
  <si>
    <t>101, RUE DES DALMATIENS</t>
  </si>
  <si>
    <t>L'Intelligence Artificielle / Le Porte-bonheur</t>
  </si>
  <si>
    <t>Dylan engage un robot électronique pour l'aider aux tâches ménagères. Dolly a besoin d'un peu de chance pour gagner la compétition de skateboard !</t>
  </si>
  <si>
    <t>Royaume-Uni</t>
  </si>
  <si>
    <t>FR62071-HDTX</t>
  </si>
  <si>
    <t>La malédiction de Cerberus / Les murs sont vivants</t>
  </si>
  <si>
    <t>Dylan reçoit une bonne leçon en fouillant dans son jardin lorsqu'il déterre les restes d'un chien gladiateur. Dolly jouent avec les chiots à son jeu préféré, les sardines !</t>
  </si>
  <si>
    <t>FR62072-HDTX</t>
  </si>
  <si>
    <t>Les secrets du château McPicsou !</t>
  </si>
  <si>
    <t>En visite dans le château de ses ancêtres, Picsou essaie de convaincre son père de lui donner un ancien trésor de famille.</t>
  </si>
  <si>
    <t>FR63804-HDTX</t>
  </si>
  <si>
    <t>Pirates du ciel… dans le ciel !</t>
  </si>
  <si>
    <t>19</t>
  </si>
  <si>
    <t>À force d'être ignoré par sa famille, Fifi en a assez, et décide de partir pour rejoindre l'équipage des pirates du ciel de l'exubérant Don Karnage.</t>
  </si>
  <si>
    <t>FR60369-HDTX</t>
  </si>
  <si>
    <t>26/10/2020</t>
  </si>
  <si>
    <t>lundi</t>
  </si>
  <si>
    <t>À la recherche de la pièce fétiche</t>
  </si>
  <si>
    <t>Réalisateur: John Aoshima, Réalisateur: Dana Terrace, Interprète: David TennantRéalisateur: Dana Terrace, Interprète: David Tennant</t>
  </si>
  <si>
    <t>Loulou dépense par erreur la pièce fétiche de Picsou et fait appel à Géo Trouvetou pour la récupérer. Pendant ce temps, une conspiration donne du fil à retordre à Fifi et Zaza.</t>
  </si>
  <si>
    <t>FR60379-HDTX</t>
  </si>
  <si>
    <t>Anansi</t>
  </si>
  <si>
    <t>47</t>
  </si>
  <si>
    <t>Alors que Marinette, Alya et Nino s’apprêtent à sortir, Nora, la grande sœur surprotectrice d’Alya, intervient : toutes les récentes akumatisations l’inquiètent. Elle refuse de laisser Alya sortir, c’est trop dangereux. Nino lui affirme alors qu’il protègera Alya en cas de danger et Nora lui lance un défi : s’il gagne, Alya pourra les accompagner. Impatiente de sortir, Marinette triche et aide Nino à gagner.Restée seule et inquiète pour sa sœur, Nora se fait akumatiser par le Papillon et devient Anansi, une femme araignée géante.</t>
  </si>
  <si>
    <t>FR32421-HDTX</t>
  </si>
  <si>
    <t>Malédikteur</t>
  </si>
  <si>
    <t>Après s’être ridiculisée devant toute la classe, Chloé demande à son père de la venger. Mais Mr. Bourgeois a beau être le maire de Paris, ses pouvoirs ont quand même des limites. Déçue, Chloé le menace alors de partir vivre à New York avec sa mère.Paniqué et désemparé, Mr. Bourgeois se fait akumatiser par le Papillon et devient Malédikteur. Désormais doté d’un pouvoir absolu, il veut réaliser tous les rêves de sa fille Mais quand Chat Noir tombe aux prises de Malédikteur, Marinette / Ladybug n’a d’autre choix que de faire appel à Queen Bee, alias Chloé !</t>
  </si>
  <si>
    <t>FR32422-HDTX</t>
  </si>
  <si>
    <t>Le marchand de sable</t>
  </si>
  <si>
    <t>Parcourant la ville sur son nuage magique, le Marchand de Sable donne vie aux mauvais rêves de tous ceux qu’il croise, y compris Marinette et Adrien. Marinette se retrouve alors poursuivie par une vision cauchemardesque d’un Adrien amoureux de Chloé, tandis que le vrai Adrien, lui, se fait emprisonner dans sa chambre !Tikki et Plagg passent la nuit avec les autres kwamis, Marinette et Adrien ne peuvent pas se transformer en Ladybug et Chat Noir pour aller affronter l’énigmatique Marchand de Sable… Parviendront-ils à retrouver Tikki et Plagg à temps pour faire cesser ce cauchemar?</t>
  </si>
  <si>
    <t>FR32423-HDTX</t>
  </si>
  <si>
    <t>08:15:00</t>
  </si>
  <si>
    <t>Le jour des Héros - Partie 1</t>
  </si>
  <si>
    <t>C’est le Jour des Héros à Paris, et chacun doit préparer une bonne action pour les autres. Mais Marinette n’a pas eu le temps de s’occuper de la sienne. De peur de décevoir ses amis en leur annonçant qu’elle n’a rien préparé, Marinette leur ment et se retrouve rapidement dépassée par son propre mensonge.Mais son cauchemar ne fait que commencer. En effet, de son côté, le Papillon akumatise son assistante Nathalie en Catalyste, une super vilaine qui lui permettra de mettre en action le plan qu’il prépare depuis si longtemps… un plan censé lui permettre de vaincre enfin Ladybug et Chat Noir…</t>
  </si>
  <si>
    <t>FR32424-HDTX</t>
  </si>
  <si>
    <t>08:55:00</t>
  </si>
  <si>
    <t>SADIE SPARKS</t>
  </si>
  <si>
    <t>La vérité en bulles / La chasse au trésor</t>
  </si>
  <si>
    <t>Réalisateur: Bronagh O'Hanlon, Réalisateur: Olivier LelardouxRéalisateur: Olivier Lelardoux, Réalisateur: Bronagh O'Hanlon</t>
  </si>
  <si>
    <t>Sadie veut absolument savoir où sa mère prévoit de l'emmener en vacances cette année, mais celle-ci souhaite que cela reste une surprise. La jeune fille décide alors de lancer un sort de vérité à travers la télévision, pendant un reportage présenté par Selina. / La Chasse au trésor annuelle de Harmony High est arrivée et Teepee veut absolument gagner, car Jake a promis au vainqueur 50 smoothies gratuits, ainsi que le droit de renommer son smoothie préféré !</t>
  </si>
  <si>
    <t>FR61479-HDTX</t>
  </si>
  <si>
    <t>09:20:00</t>
  </si>
  <si>
    <t>Vague de chaleur / Une Sadie peut en cacher une autre</t>
  </si>
  <si>
    <t>Réalisateur: Olivier Lelardoux, Réalisateur: Bronagh O'HanlonRéalisateur: Olivier Lelardoux, Réalisateur: Bronagh O'Hanlon</t>
  </si>
  <si>
    <t>Il fait bien trop froid pour consommer des smoothies et Jake est inquiet de voir sa boutique désertée. Quand Coach en profite pour faire une offre de rachat à un prix dérisoire, Sadie craint que Sam ne déménage.Elle convainc Gilbert de lui laisser lancer un sort pour faire revenir le soleil. / Sadie attrape un rhume après avoir passé trop de temps dehors à s'exercer à lancer un sort de gel avec Gilbert. Selina lui ordonne de rester au lit pour se reposer, mais la jeune fille veut absolument aller en cours. Gilbert accepte de subir un sort de camouflage pour prendre l'apparence de Sadie.</t>
  </si>
  <si>
    <t>FR61480-HDTX</t>
  </si>
  <si>
    <t>09:45:00</t>
  </si>
  <si>
    <t>Le Jorkyball</t>
  </si>
  <si>
    <t>Théo rencontre l’intrépide Tim qui lui apprend comme faire du Jorkyball.</t>
  </si>
  <si>
    <t>PC82012-TX</t>
  </si>
  <si>
    <t>09:50:00</t>
  </si>
  <si>
    <t>Le Trésor Familial</t>
  </si>
  <si>
    <t>60</t>
  </si>
  <si>
    <t>Elena et Isabel aident deux frères en conflit à trouver un précieux trésor caché par leur mère.</t>
  </si>
  <si>
    <t>FR71258-HDTX</t>
  </si>
  <si>
    <t>10:15:00</t>
  </si>
  <si>
    <t>L'attrape-rêve</t>
  </si>
  <si>
    <t>62</t>
  </si>
  <si>
    <t>Quand les rêves d'Elena prennent vie comme par magie, elle doit faire face à des sentiments enfouis qui en sont à l'origine.</t>
  </si>
  <si>
    <t>FR71260-HDTX</t>
  </si>
  <si>
    <t>Le manoir animé</t>
  </si>
  <si>
    <t>Lorsque Luz, Willow et Gus animent le Manoir de la Chouette par accident, la maison devient incontrôlable et parcourt tout Osville ! Comment gérer une maison en fugue ?</t>
  </si>
  <si>
    <t>FR80369-HDTX</t>
  </si>
  <si>
    <t>11:45:00</t>
  </si>
  <si>
    <t>Jeux de langages</t>
  </si>
  <si>
    <t>Pendant une visite à la bibliothèque, une blague de Luz se retourne contre une amie.</t>
  </si>
  <si>
    <t>FR80370-HDTX</t>
  </si>
  <si>
    <t>HÔTEL TRANSYLVANIE - LA SÉRIE</t>
  </si>
  <si>
    <t>C’est qui, la patronne?</t>
  </si>
  <si>
    <t>Pour Lydia, l'évaluation annuelle des employés est une plaisante occasion de leur rappeler à quel point ils sont nuls. Mais voyant qu'aucun membre du personnel n'ose l'évaluer elle, Lydia se déguise pour savoir la vérité.</t>
  </si>
  <si>
    <t>FR75355-HDTX</t>
  </si>
  <si>
    <t>12:35:00</t>
  </si>
  <si>
    <t>Pleure, je t'en prie !</t>
  </si>
  <si>
    <t>68</t>
  </si>
  <si>
    <t>FR75362-HDTX</t>
  </si>
  <si>
    <t>12:50:00</t>
  </si>
  <si>
    <t>Un sort incertain</t>
  </si>
  <si>
    <t>69</t>
  </si>
  <si>
    <t>FR75363-HDTX</t>
  </si>
  <si>
    <t>13:05:00</t>
  </si>
  <si>
    <t>Climatika</t>
  </si>
  <si>
    <t>Aurore Boréale est la perdante d’un concours où les téléspectateurs devaient voter pour élire la nouvelle miss météo de la chaîne Kidz Plus. Akumatisée par Le Papillon, elle devient Climatika et se venge de tous ceux qui n’ont pas voté pour elle. Ladybug et Chat Noir vont devoir lutter contre son pouvoir qui plonge Paris dans un chaos météorologique.Journée orageuse pour Marinette ! Elle a la responsabilité de garder Manon, une petite fille qui met à mal son sens de l’autorité, alors qu’au même moment, Adrien, l’élu de son cœur, est en pleine séance photos au parc.</t>
  </si>
  <si>
    <t>PG19187-TX</t>
  </si>
  <si>
    <t>13:30:00</t>
  </si>
  <si>
    <t>Le Bulleur</t>
  </si>
  <si>
    <t>Réalisateur: Matthieu Choquet, Réalisateur: Thomas AstrucRéalisateur: Thomas Astruc</t>
  </si>
  <si>
    <t>Nino n’a pas réussi à convaincre le père d’Adrien d’organiser une fête pour son ami. Déçu, il est akumatisé par Le Papillon. Devenu Le Bulleur, et armé de son épée à bulles magiques, il se débarrasse des adultes, ces empêcheurs de s’amuser, en les emprisonnant dans des bulles qu’il envoie ensuite dans le ciel. Ladybug doit affronter seule le Bulleur car Chat Noir n'est pas là... Adrien s’étant laissé convaincre de profiter de la fête organisée par le Bulleur en l’absence de son père.</t>
  </si>
  <si>
    <t>PG19188-TX</t>
  </si>
  <si>
    <t>13:55:00</t>
  </si>
  <si>
    <t>La pala</t>
  </si>
  <si>
    <t>70</t>
  </si>
  <si>
    <t xml:space="preserve">Réalisateur: Bakers Réalisateur: Bakers </t>
  </si>
  <si>
    <t>Valentine est la pro de la pala !</t>
  </si>
  <si>
    <t>FR26925-HDTX</t>
  </si>
  <si>
    <t>Un Goûter Presque Parfait/ Trois Oiseaux et un Couffin/ Kung Fu Hamster</t>
  </si>
  <si>
    <t>31</t>
  </si>
  <si>
    <t>Honorine et Pompon débarquent chez Lola. Honorine propose de préparer un gâteau mais elle a perdu ses lunettes et fait n’importe quoi. Les Guanos ont piqué les lunettes et Paf va tout faire pour les récupérer./ Lola garde Pompon qui siège dans son couffin dernier cri. Les Guanos vont s’emparer du couffin et essayer de l’ouvrir pour récupérer Capuche qui a pris la place de Pompon. Paf va faire échouer les Guanos./ Inspiré par une bd, Pompom devient un maitre de Kung Fu. Paf doit le maitriser avant qu’il ne détruise tout sur son passage notamment le projet scientifique de Lola.</t>
  </si>
  <si>
    <t>FR83002-HDTX</t>
  </si>
  <si>
    <t>Hotel Transylvanie S2 Ep 46</t>
  </si>
  <si>
    <t>46</t>
  </si>
  <si>
    <t>FR75315-HDTX</t>
  </si>
  <si>
    <t>Wenda – mode d’emploi / Du sable et des paillettes</t>
  </si>
  <si>
    <t>Mavis fait entrer l'hôtel Transylvanie dans l’ère moderne ! / Pedro et Wendy ont besoin d'un arbitre.</t>
  </si>
  <si>
    <t>FR75316-HDTX</t>
  </si>
  <si>
    <t>Comme un poisson hors de l'eau</t>
  </si>
  <si>
    <t>45</t>
  </si>
  <si>
    <t>Marzel, prince des sirènes, est invité à participer à sa première retraite royale. En essayant d'impressionner les autres rois, il les transforme accidentellement en sirènes.</t>
  </si>
  <si>
    <t>FR54813-HDTX</t>
  </si>
  <si>
    <t>Un nouveau départ</t>
  </si>
  <si>
    <t>Quand Elena propose à Mateo d'emménager dans les appartements du magicien de la cour, la mère de ce dernier, croyant avoir été invitée, s'installe aussi au palais.</t>
  </si>
  <si>
    <t>FR71636-HDTX</t>
  </si>
  <si>
    <t>20:00:00</t>
  </si>
  <si>
    <t>PYJAMASQUES</t>
  </si>
  <si>
    <t>Gluglu et le cristal de téléportation/ Gluglu et les billes du dodo</t>
  </si>
  <si>
    <t>Réalisateur: Christian De VitaRéalisateur: Christian De Vita</t>
  </si>
  <si>
    <t>Gluglu trouve un cristal qui lui donne le pouvoir d'aller partout en un rien de temps et pense finalement qu'il n'a plus besoin de ses amis pour arrêter les méchants, mais les pouvoirs du cristal s'avèrent trop forts juste pour Gluglu. / Désireux de prouver qu'il est toujours le maître des profondeurs, Gluglu décide d'empêcher les Ninjazouaves de faire du jet ski dans les douves, sans remarquer qu'il s'agit d'une diversion de Ninjaka pour mettre son plan en action : prendre le contrôle du QG.</t>
  </si>
  <si>
    <t>FR68540-HDTX</t>
  </si>
  <si>
    <t>20:25:00</t>
  </si>
  <si>
    <t>Motsuki grande soeur/ Bibou et la soirée pyjama</t>
  </si>
  <si>
    <t>77</t>
  </si>
  <si>
    <t>Motsuki a volé le bébificateur de Romeo et transforme tous les méchants et les Pyjamasques en bébés mal élevés, jusqu'à l'intervention de PJ Robot. / Pas invitée à une soirée pyjama qu'Amaya organise, Sorceline décide d'emmener toutes les filles de la soirée sur la Lune, jusqu'à ce que Bibou réalise qu'il ne faut pas exclure les autres.</t>
  </si>
  <si>
    <t>FR68541-HDTX</t>
  </si>
  <si>
    <t>RAVEN ABOUT BUNK'D</t>
  </si>
  <si>
    <t>Lou s’adapte à son nouveau poste de directrice de camp et retrouve Destiny, Finn et Matteo et accueille également les nouveaux moniteurs Noah et Ava ainsi qu’une nouvelle campeuse excentrique, Gwen.</t>
  </si>
  <si>
    <t>46min</t>
  </si>
  <si>
    <t>FR86938-HDTX</t>
  </si>
  <si>
    <t>COOP &amp; CAMI</t>
  </si>
  <si>
    <t>Un frère pour deux</t>
  </si>
  <si>
    <t>Charlotte demande à Cooper de chanter dans son groupe a capella pour la semaine. Ça l'éloigne de "Vous préférez quoi" et Cami a du mal avec l'idée de partager son frère.</t>
  </si>
  <si>
    <t>FR81099-HDTX</t>
  </si>
  <si>
    <t>Le plagiat</t>
  </si>
  <si>
    <t>26</t>
  </si>
  <si>
    <t>Coop et Cami essaient de découvrir qui est la personne mystérieuse derrière une nouvelle chaîne de streaming rivale appelée "Qu'est-ce que vous préférez?". Charlotte convainc Jenna d'utiliser les réseaux sociaux.</t>
  </si>
  <si>
    <t>FR81103-HDTX</t>
  </si>
  <si>
    <t>VIOLETTA</t>
  </si>
  <si>
    <t>Episode 41</t>
  </si>
  <si>
    <t>41</t>
  </si>
  <si>
    <t>Réalisateur: Lucas Gil, Réalisateur: Martin Saban, Réalisateur: Jorge Nisco, Interprète: Simone Lijoi, Interprète: Clara Alonso, Interprète: Pablo Espinosa, Interprète: Mercedes Lambre, Interprète: Facundo Gambande, Interprète: Candelaria Molfese, Interprète: Florencia Benitez, Interprète: Jorge Blanco, Interprète: Lodovica Comello, Interprète: Diego Ramos, Interprète: Alba Rico, Interprète: Martina Stoessel, Interprète: Nicolas Garnier, Interprète: Iara Munoz, Interprète: Damian Trabada, Interprète: Joaquin Mendez, Interprète: Milagros Ceballos, Interprète: Gonzalo Martinez, Interprète: Esther RamosRéalisateur: Lucas Gil, Réalisateur: Martin Saban, Réalisateur: Jorge Nisco, Interprète: Clara Alonso, Interprète: Facundo Gambande, Interprète: Jorge Blanco, Interprète: Candelaria Molfese, Interprète: Diego Ramos, Interprète: Nicolas Garnier, Interprète: Florencia Benitez, Interprète: Martina Stoessel, Interprète: Pablo Espinosa, Interprète: Simone Lijoi, Interprète: Mercedes Lambre, Interprète: Lodovica Comello, Interprète: Alba Rico, Interprète: Damian Trabada, Interprète: Gonzalo Martinez, Interprète: Esther Ramos, Interprète: Joaquin Mendez, Interprète: Milagros Ceballos, Interprète: Iara Munoz</t>
  </si>
  <si>
    <t>Après l’incident, le Studio risque de perdre ses financements. Jade menace Violetta de dire à Germán qu’elle chante dans le spectacle, mais Violetta réplique en menaçant de dire à Germán que Matías est hors la loi sous leur toit. Germán demande à Ramallo de suivre Violetta partout. León oblige celle-ci à choisir entre lui et Tomás. Pablo démissionne après l’incident et donne son poste de directeur à Gregorio. Germán demande à Jade de l’épouser le plus rapidement possible. Maxi est attiré par Mara, la nouvelle cuisinière du café, mais il s’avère que c’est sa cousine.</t>
  </si>
  <si>
    <t>Espagne</t>
  </si>
  <si>
    <t>2012</t>
  </si>
  <si>
    <t>44min</t>
  </si>
  <si>
    <t>FJ67372-TX</t>
  </si>
  <si>
    <t>27/10/2020</t>
  </si>
  <si>
    <t>mardi</t>
  </si>
  <si>
    <t>La Malédiction du Jeu</t>
  </si>
  <si>
    <t>Réalisateur: Matthew Humphreys, Réalisateur: Dana Terrace, Réalisateur: Tom Owens, Interprète: David TennantRéalisateur: Dana Terrace, Interprète: David Tennant</t>
  </si>
  <si>
    <t>Donald doit affronter son cousin Gontran dans un mystérieux hôtel de Macao. Picsou a le plus grand mal à détourner ses neveux des nombreuses distractions présentes dans cet Hôtel-Casino.</t>
  </si>
  <si>
    <t>FR60381-HDTX</t>
  </si>
  <si>
    <t>Le stage infernal chez Mark Beaks</t>
  </si>
  <si>
    <t>Riri et Fifi sont en compétition pour un stage chez Mark Beaks, le nouveau milliardaire de Canardville, tandis que Picsou et Gripsou font équipe pour éliminer ce concurrent agaçant.</t>
  </si>
  <si>
    <t>FR60382-HDTX</t>
  </si>
  <si>
    <t>Le jour des Héros - Partie 2</t>
  </si>
  <si>
    <t>Le Papillon, devenu Papillon Ecarlate grâce à Catalyste, a enfin mis à exécution son terrible plan en réakumatisant tous ses anciens vilains !Pour les affronter, Ladybug et Chat Noir se retrouvent à la tête d’une équipe de super héros composée de Rena Rouge, Queen Bee et Carapace. Mais les héros ne sont pas habitués à travailler ensemble et se rendent rapidement compte qu’ils manquent d’entraînement. Très vite, ils se retrouvent dans une situation extrêmement difficile et sont sur le point de se faire vaincre par Papillon Ecarlate…</t>
  </si>
  <si>
    <t>FR32425-HDTX</t>
  </si>
  <si>
    <t>Caméléon</t>
  </si>
  <si>
    <t>53</t>
  </si>
  <si>
    <t>Quand Lila revient au collège, elle parvient à manipuler les élèves comme les professeurs pour que tout le monde se plie à la moindre de ses exigences. Tout le monde… sauf Marinette et Adrien, qui ne sont pas dupes. Lorsqu’ils la confrontent à ses propres mensonges, Lila, vexée, demande au Papillon de l’akumatiser. Devenue Caméléon, elle peut prendre l’apparence de n’importe qui… et compte bien profiter de ce pouvoir pour détruire Ladybug, qui a été la première à la démasquer et qu’elle juge responsable de tous ses problèmes.</t>
  </si>
  <si>
    <t>FR84346-HDTX</t>
  </si>
  <si>
    <t>Victime des rimes / Grandis un peu !</t>
  </si>
  <si>
    <t>Sadie a deux devoirs à rédiger : un sort de disparition plutôt compliqué pour les Anciens et un poème pour le concours de poésie régional de Miss Lacey. Elle s'y prend au dernier moment et c'est la course pour terminer les deux. Gilbert propose de l'aider en allant apporter le sort aux Anciens, mais il découvre bientôt qu'il s'est trompé de feuille... / Les Anciens donnent une mission à Sadie et Blaine : ils doivent créer un sortilège totalement nouveau. Bien décidé à remporter les faveurs du jury, Blaine lance un sort d'immaturité à Sadie pour la ralentir, mais il frappe Gilbert à la place.</t>
  </si>
  <si>
    <t>FR61481-HDTX</t>
  </si>
  <si>
    <t>Répétition générale / Melvin tout puissant</t>
  </si>
  <si>
    <t>Après des millions de tentatives infructueuses, elle a enfin décroché un rendez-vous avec Sam !Des tas de gens lui ont demandé de l'aide et elle n'a pas réussi à faire attention à Sam qui a fini par parler avec Val ! Si seulement elle pouvait tout recommencer ! / C'est la journée mondiale de l'écologie ! Miss Lacey invite ses élèves à monter sur la scène de l'école pour faire part aux autres de leurs idées pour l'environnement. Sadie encourage vivement Melvin à y aller, mais il est terriblement nerveux et la jeune fille se rend rapidement compte qu'il a besoin d'aide.</t>
  </si>
  <si>
    <t>FR61482-HDTX</t>
  </si>
  <si>
    <t>Le Saut à la Perche</t>
  </si>
  <si>
    <t>Théo rencontre la jolie Jade qui lui enseigne les règles du saut à la perche.</t>
  </si>
  <si>
    <t>PC82013-TX</t>
  </si>
  <si>
    <t>La relève de la Garde</t>
  </si>
  <si>
    <t>63</t>
  </si>
  <si>
    <t>Elena aide sa couturière à devenir la première femme à entrer dans la Garde Royale.</t>
  </si>
  <si>
    <t>FR71261-HDTX</t>
  </si>
  <si>
    <t>Le Roi Skylar</t>
  </si>
  <si>
    <t>64</t>
  </si>
  <si>
    <t>Lorsque le roi Verago tombe malade, il désigne Skylar pour le remplacer pendant une journée.</t>
  </si>
  <si>
    <t>FR71262-HDTX</t>
  </si>
  <si>
    <t>Oni-Chan</t>
  </si>
  <si>
    <t>Quand Lila manipule Adrien, son garde du corps et même Nathalie pour entrer chez les Agreste et passer un peu de temps avec Adrien, elle prend une photo d’eux deux pour immortaliser le moment. Marinette, qui les a suivis et espionnés depuis l’extérieur, est verte de jalousie. Mais ce n’est pas la seule…</t>
  </si>
  <si>
    <t>FR84349-HDTX</t>
  </si>
  <si>
    <t>Pari risqué, pari piégé</t>
  </si>
  <si>
    <t>Luz découvre un aspect inattendu de l'école quand Gus l'invite au Club des Amateurs d'Humains.</t>
  </si>
  <si>
    <t>20min</t>
  </si>
  <si>
    <t>FR83749-HDTX</t>
  </si>
  <si>
    <t>Echange de corps</t>
  </si>
  <si>
    <t>Eda, King et Luz échangent leurs corps à la suite d'un simple désaccord qui tourne à la catastrophe.</t>
  </si>
  <si>
    <t>FR87979-HDTX</t>
  </si>
  <si>
    <t>Hôtel Franksylvanie</t>
  </si>
  <si>
    <t>FR75364-HDTX</t>
  </si>
  <si>
    <t>Trous de mémoire</t>
  </si>
  <si>
    <t>71</t>
  </si>
  <si>
    <t>FR75365-HDTX</t>
  </si>
  <si>
    <t>Wenda – mode d’emploi</t>
  </si>
  <si>
    <t>Mavis apprend que la meilleure façon de faire entrer l'hôtel dans l’ère moderne est d'utiliser la technologie sans fil. Elle fait donc démonter toutes les toiles d'araignée, mais l'hôtel est déconnecté et plongé dans l’obscurité. Oups.</t>
  </si>
  <si>
    <t>FR75357-HDTX</t>
  </si>
  <si>
    <t>Le croquet</t>
  </si>
  <si>
    <t>Le croquet c'est la joie, avec Fadela !</t>
  </si>
  <si>
    <t>FR26926-HDTX</t>
  </si>
  <si>
    <t>Bazar dans la Chambre/ L'Amnésie de Tank/ Page Envolée</t>
  </si>
  <si>
    <t>32</t>
  </si>
  <si>
    <t>Paf aide Lola qui doit absolument ranger sa chambre. Les Guanos attirés par le désordre, imaginent la chambre comme un grand parc d'attraction./ Victor confie Tank à Lola. A cause des Guanos, Tank se cogne dans une armoire ce qui modifie totalement son comportement. Paf va devoir s'occuper de Tank pour qu'il retrouve son état normal./ Alors que Lola veut découvrir la dernière page de la BD de son papa, celle-ci s’envole par la fenêtre. Paf va tout faire pour la récupérer.</t>
  </si>
  <si>
    <t>FR83003-HDTX</t>
  </si>
  <si>
    <t>PHINÉAS ET FERB</t>
  </si>
  <si>
    <t>L'invasion des extra-terrestres / Un tour de manège ?</t>
  </si>
  <si>
    <t>Réalisateur: Zac Moncrief, Réalisateur: Dan Povenmire, Interprète: Bowling For SoupRéalisateur: Dan Povenmire, Interprète: Bowling For Soup</t>
  </si>
  <si>
    <t>Candice est convaincue que Ferb a été remplacé par un extra-terrestre. / Phinéas et Ferb bricolent la fusée du manège de leur enfance.</t>
  </si>
  <si>
    <t>2007</t>
  </si>
  <si>
    <t>FR50618-HDTX</t>
  </si>
  <si>
    <t>Le Magicien ose</t>
  </si>
  <si>
    <t>52</t>
  </si>
  <si>
    <t>Réalisateur: Jay Lender, Réalisateur: Dan Povenmire, Réalisateur: Robert F Hughes, Interprète: Bowling For SoupRéalisateur: Dan Povenmire, Interprète: Bowling For Soup</t>
  </si>
  <si>
    <t>Candice rêve qu’elle se trouve en Azuristan et voyage jusqu’à Piégeopolis pour coincer ses frères. Mais ces derniers mettent tout en œuvre pour la distraire et la détourner du chemin doré...</t>
  </si>
  <si>
    <t>FR50619-HDTX</t>
  </si>
  <si>
    <t>La peur donne des ailes / Une amitié tragique</t>
  </si>
  <si>
    <t>Hank a besoin d'aide pour surmonter ses nombreuses craintes. / Mavis est excitée à l'idée d'avoir une journée pour faire tout ce dont elle a envie.</t>
  </si>
  <si>
    <t>FR75317-HDTX</t>
  </si>
  <si>
    <t>Pleure, je t'en prie ! / Un sort incertain</t>
  </si>
  <si>
    <t>FR75318-HDTX</t>
  </si>
  <si>
    <t>Silence</t>
  </si>
  <si>
    <t>59</t>
  </si>
  <si>
    <t>Bob Roth, père et producteur du célèbre XY, lance un appel d’offre visant à trouver de nouveaux talents. Marinette y voit une occasion en or pour les Kitty Section de se faire connaître du grand public. Elle les aide donc à réaliser et envoyer un clip pour lequel elle crée elle-même les décors et les costumes. Mais bientôt, Marinette et ses amis s’aperçoivent que Bob Roth a volé les créations de Marinette pour son fils XY. Furieux pour celle dont il est amoureux, Luka est akumatisé par le Papillon.</t>
  </si>
  <si>
    <t>FR76942-HDTX</t>
  </si>
  <si>
    <t>Une petite sœur inventive</t>
  </si>
  <si>
    <t>Isabel embarque clandestinement pour une mission dangereuse avec Elena et ses amis. Elle veut leur prouver qu'elle peut faire partie de l'équipe.</t>
  </si>
  <si>
    <t>FR71250-HDTX</t>
  </si>
  <si>
    <t>Au secours d'un oiseau soleil</t>
  </si>
  <si>
    <t>Elena tente de sauver l'oiseau soleil qui a réparé son sceptre.</t>
  </si>
  <si>
    <t>FR71251-HDTX</t>
  </si>
  <si>
    <t>Gluglu et le cristal d'étoile/ Pyja-robot contre Roméo</t>
  </si>
  <si>
    <t>Gluglu est piégé par Roméo pour capturer un cristal spécial aux pouvoirs flottants dans la marre, un crystal qui pourrait faire de Roméo le maître du ciel. / De son propre chef, PJ Robot décide d'utiliser le Tractotem contre la Mecanolab pour arrêter Roméo mais il cause de sérieux dommages à celle-ci, qui menace de s'écraser dans la ville. PJ Robot et Roméo doivent travailler ensemble pour l'arrêter.</t>
  </si>
  <si>
    <t>FR68542-HDTX</t>
  </si>
  <si>
    <t>Yoyo et les Scinti-Lunes/Bibou et le Ninja-football</t>
  </si>
  <si>
    <t>Yoyo veut aller trop vite en besogne pour arrêter les boules Scintilunes de Sorceline, au point que Gluglu et Bibou n’arrivent plus à suivre son rythme./ Bibou réalise que faire partie d’une équipe veut aussi dire conseiller Yoyo et Gluglu pour vaincre Ninjaka, qui a entrainé ses Ninjazouaves au Kung-fu-football.</t>
  </si>
  <si>
    <t>FR43069-HDTX</t>
  </si>
  <si>
    <t>Un nouveau Grizzly</t>
  </si>
  <si>
    <t>Réalisateur: Bob Koherr, Interprète: Tessa Netting, Interprète: Miranda May, Interprète: Skai Jackson, Interprète: Nina Lu, Interprète: Nathan Arenas, Interprète: Karan Brar, Interprète: Kevin Quinn, Interprète: Peyton List, Interprète: Lily Mae Silverstein, Interprète: Lincoln MelcherInterprète: Peyton List, Interprète: Kevin Quinn, Interprète: Miranda May, Interprète: Skai Jackson, Interprète: Nina Lu, Interprète: Nathan Arenas, Interprète: Karan Brar</t>
  </si>
  <si>
    <t>Les enfants Ross reviennent passer l'été au camp Kikiwaka et sont surpris par certains changements- Ravi a un nouveau compagnon de chambrée, et les Marmottes une nouvelle monitrice</t>
  </si>
  <si>
    <t>FR29053-HDTX</t>
  </si>
  <si>
    <t>Jalousie</t>
  </si>
  <si>
    <t>Réalisateur: Bob Koherr, Interprète: Nathan Arenas, Interprète: Kevin Quinn, Interprète: Miranda May, Interprète: Lincoln Melcher, Interprète: Nina Lu, Interprète: Skai Jackson, Interprète: Karan Brar, Interprète: Peyton ListInterprète: Peyton List, Interprète: Kevin Quinn, Interprète: Miranda May, Interprète: Skai Jackson, Interprète: Nina Lu, Interprète: Nathan Arenas, Interprète: Karan Brar</t>
  </si>
  <si>
    <t>Le camp Kikiwaka prépare son bal annuel. Tiffany et Zuri espèrent danser avec un beau garçon. Emma apprend que Lou et Xander ont été amoureux.</t>
  </si>
  <si>
    <t>FR29054-HDTX</t>
  </si>
  <si>
    <t>Une nouvelle recrue</t>
  </si>
  <si>
    <t>Cami découvre que Tara veut remplacer Delaware dans l'équipe de danse et se bat quand elle s'aperçoit que c'est peut-être à cause d'elle.</t>
  </si>
  <si>
    <t>FR81100-HDTX</t>
  </si>
  <si>
    <t>Une place en or</t>
  </si>
  <si>
    <t>Cami et Fred sont heureux de voir leur groupe préféré mais quand Cami obtient seule un pass VIP, elle doit décider de l'importance qu'elle accorde à l'amitié de Fred.</t>
  </si>
  <si>
    <t>FR81102-HDTX</t>
  </si>
  <si>
    <t>Episode 42</t>
  </si>
  <si>
    <t>42</t>
  </si>
  <si>
    <t>Réalisateur: Lucas Gil, Réalisateur: Martin Saban, Réalisateur: Jorge Nisco, Interprète: Florencia Benitez, Interprète: Martina Stoessel, Interprète: Pablo Espinosa, Interprète: Simone Lijoi, Interprète: Mercedes Lambre, Interprète: Lodovica Comello, Interprète: Alba Rico, Interprète: Clara Alonso, Interprète: Facundo Gambande, Interprète: Jorge Blanco, Interprète: Candelaria Molfese, Interprète: Diego Ramos, Interprète: Nicolas Garnier, Interprète: Damian Trabada, Interprète: Gonzalo Martinez, Interprète: Esther Ramos, Interprète: Joaquin Mendez, Interprète: Milagros Ceballos, Interprète: Iara MunozRéalisateur: Lucas Gil, Réalisateur: Martin Saban, Réalisateur: Jorge Nisco, Interprète: Clara Alonso, Interprète: Facundo Gambande, Interprète: Jorge Blanco, Interprète: Candelaria Molfese, Interprète: Diego Ramos, Interprète: Nicolas Garnier, Interprète: Florencia Benitez, Interprète: Martina Stoessel, Interprète: Pablo Espinosa, Interprète: Simone Lijoi, Interprète: Mercedes Lambre, Interprète: Lodovica Comello, Interprète: Alba Rico, Interprète: Damian Trabada, Interprète: Gonzalo Martinez, Interprète: Esther Ramos, Interprète: Joaquin Mendez, Interprète: Milagros Ceballos, Interprète: Iara Munoz</t>
  </si>
  <si>
    <t>Violetta choisit León et non Tomás, qu’elle ne parvient cependant pas à oublier. Mara est sa cousine, mais Maxi la trouve attirante et empêche Braco et Andrés de l’approcher. Gregorio est tyrannique, mais cela convient à Ludmila. Il engage un nouveau chorégraphe brésilien, Broadway. Matías dénonce son père pour retrouver sa liberté. Camila et Francesca apprécient Broadway, mais lui n’a d’yeux que pour Violetta. La rivalité entre León et Tomás empire lorsqu’ils ont pour devoir de composer une chanson ensemble. Violetta désapprouve le renouvellement des fiançailles de son père et Jade.</t>
  </si>
  <si>
    <t>FJ67373-TX</t>
  </si>
  <si>
    <t>28/10/2020</t>
  </si>
  <si>
    <t>mercredi</t>
  </si>
  <si>
    <t>06:50:00</t>
  </si>
  <si>
    <t>07:15:00</t>
  </si>
  <si>
    <t>Le collectionneur</t>
  </si>
  <si>
    <t>Marinette rencontre Maître Fu. Ce dernier pense que le propriétaire du grimoire est peut-être également le Papillon. Elle finit par découvrir que le véritable propriétaire du grimoire est en réalité Gabriel Agreste, le père d’Adrien. Elle décide alors de se transformer en Ladybug pour mener l’enquête et découvrir si Gabriel est bien le Papillon. Mais lorsqu’elle arrive chez lui, le styliste s’est fait akumatiser.</t>
  </si>
  <si>
    <t>FR32401-HDTX</t>
  </si>
  <si>
    <t>07:40:00</t>
  </si>
  <si>
    <t>Audimatrix</t>
  </si>
  <si>
    <t>La jounaliste Nadja Chamack invite Lady Bug et Chat Noir sur le plateau de son émission dans le but d'obtenir des révélations intimes sur leur relation. Mais Lady Bug ne se laisse pas faire ! Cela permettra au Papillon d'akumatiser la journaliste, qui deviendra Audimatrix.</t>
  </si>
  <si>
    <t>FR32402-HDTX</t>
  </si>
  <si>
    <t>08:05:00</t>
  </si>
  <si>
    <t>Glaciator</t>
  </si>
  <si>
    <t>D’après la légende, le couple qui mange une glace chez André s’aime pour toujours ! Marinette espère qu’Adrien sera de la partie, mais ce dernier ne vient pas. Déçue par l’absence d’Adrien, Marinette refuse de manger la glace que lui tend André.Effondré, le glacier est akumatisé par le Papillon. Devenu Glaciator et armé de sa portionneuse à glace, il transforme les gens en glace.Ladybug et un Chat Noir vont unir leurs forces pour arrêter Glaciator avant que tous les Parisiens n’aient fondu !</t>
  </si>
  <si>
    <t>FR32403-HDTX</t>
  </si>
  <si>
    <t>Le Pouvoir du charme</t>
  </si>
  <si>
    <t>92</t>
  </si>
  <si>
    <t>Réalisateur: Dan Povenmire, Réalisateur: Robert F Hughes, Interprète: Bowling For SoupRéalisateur: Dan Povenmire, Interprète: Bowling For Soup</t>
  </si>
  <si>
    <t>Phinéas et Ferb doivent aider Mip, leur copain extraterrestre, à sauver sa planète en empêchant Mitch, son ennemi juré, de s’emparer du Mignonium. Le Mignonium est une substance qui a le pouvoir de donner énormément de charme.</t>
  </si>
  <si>
    <t>FR54051-HDTX</t>
  </si>
  <si>
    <t>L’attracteur de Maman / Baljeet super génie</t>
  </si>
  <si>
    <t>93</t>
  </si>
  <si>
    <t>Réalisateur: Dan Povenmire, Réalisateur: Jay Lender, Réalisateur: Robert F Hughes, Interprète: Bowling For SoupRéalisateur: Dan Povenmire, Interprète: Bowling For Soup</t>
  </si>
  <si>
    <t>Phinéas et Ferb laissent à Candice le choix de l’invention du jour. Elle leur commande un attracteur de Maman pour être sûre de pouvoir les démasquer. / Phinéas et Ferb fabriquent un casque cérébro-stimulant pour Baljeet qui décuple son intelligence.</t>
  </si>
  <si>
    <t>FR54052-HDTX</t>
  </si>
  <si>
    <t>Romance interdite / Marché aux puces</t>
  </si>
  <si>
    <t>94</t>
  </si>
  <si>
    <t>Réalisateur: Robert F Hughes, Réalisateur: Dan Povenmire, Réalisateur: Jay Lender, Interprète: Bowling For SoupRéalisateur: Dan Povenmire, Interprète: Bowling For Soup</t>
  </si>
  <si>
    <t>Vanessa Doofenschmirtz et Monty Monogram, les enfants des 2 ennemis jurés, ont leur premier rendez-vous dans un café. / Phinéas, Ferb et leur père partent à la recherche d’un grattoir à chaussures antique au marché aux puces de Danville.</t>
  </si>
  <si>
    <t>FR54053-HDTX</t>
  </si>
  <si>
    <t>10:45:00</t>
  </si>
  <si>
    <t>La gymnastique rythmique</t>
  </si>
  <si>
    <t>Théo découvre la gymnastique rythmique grâce à la gracieuse Lilia.</t>
  </si>
  <si>
    <t>PC82014-TX</t>
  </si>
  <si>
    <t>De tout petits problèmes</t>
  </si>
  <si>
    <t>King se confie à une diseuse de bonne aventure dans un carnaval qui réalise son rêve, mais il y a un prix à payer.</t>
  </si>
  <si>
    <t>FR85783-HDTX</t>
  </si>
  <si>
    <t>11:40:00</t>
  </si>
  <si>
    <t>Comprendre Willow</t>
  </si>
  <si>
    <t>Luz, Willow et Amity se remémorent des souvenirs.</t>
  </si>
  <si>
    <t>FR80359-HDTX</t>
  </si>
  <si>
    <t>12:10:00</t>
  </si>
  <si>
    <t>ZOMBIES 2 VERSION KARAOKÉ</t>
  </si>
  <si>
    <t>Retrouvez la version karaoké du DCOM Zombies 2</t>
  </si>
  <si>
    <t>FR84287-HDTX</t>
  </si>
  <si>
    <t>14:10:00</t>
  </si>
  <si>
    <t>Les Momies Vivantes de Toth-Ra</t>
  </si>
  <si>
    <t>Dans une pyramide inconnue, Loulou interprète la prophétie d'un pharaon, obligeant Picsou et Flagada à mener à la révolte un groupe de momies vivantes pour le sauver.</t>
  </si>
  <si>
    <t>FR60383-HDTX</t>
  </si>
  <si>
    <t>14:35:00</t>
  </si>
  <si>
    <t>La lance de Sélène !</t>
  </si>
  <si>
    <t>Donald se retrouve au milieu d'une dispute entre Picsou et Zeus pendant que Fifi et Zaza cherchent un objet qui pourrait donner un indice sur le sort de Della.</t>
  </si>
  <si>
    <t>FR60362-HDTX</t>
  </si>
  <si>
    <t>La Coupe du Druide</t>
  </si>
  <si>
    <t>Fifi mesure son jeune talent insolent au jeu de vieux golfeur avisé de Picsou. C'est compter sans l'apparition magique d'un parcours mystérieux qui entraînera toute l'équipe dans une folle aventure.</t>
  </si>
  <si>
    <t>FR60363-HDTX</t>
  </si>
  <si>
    <t>Le relais 4x100m</t>
  </si>
  <si>
    <t>72</t>
  </si>
  <si>
    <t>Tatiana et ses copines montrent à Théo le relais 4x100m.</t>
  </si>
  <si>
    <t>FR26927-HDTX</t>
  </si>
  <si>
    <t>Le combat des Reines - Partie 1</t>
  </si>
  <si>
    <t>44</t>
  </si>
  <si>
    <t>C’est la Fashion Week et le tout Paris a rendez-vous au défilé de mode de Gabriel Agreste, durant lequel Adrien portera un chapeau créé par Marinette. Pour l’occasion, Audrey Bourgeois, la mère de Chloé et la Reine Internationale de la mode, est de passage dans la capitale.Mais, manipulée par Gabriel / le Papillon, Audrey se fait akumatiser et devient Style Queen, la vilaine la plus chic de tout Paris !Ladybug s’apprête à faire appel à un nouveau super héros pour l’aider, mais elle perd le Miraculous qu’elle souhaitait lui confier…</t>
  </si>
  <si>
    <t>FR81227-HDTX</t>
  </si>
  <si>
    <t>Le combat des Reines - Partie 2</t>
  </si>
  <si>
    <t>Audrey Bourgeois, Reine de la Mode et mère de Chloé, félicite Marinette pour son talent et lui propose de l’accompagner à New York. Jalouse, Chloé utilise le Miraculous de l’Abeille égaré par Ladybug pour se transformer en Queen Bee, bien décidée à prouver à sa mère qu’elle est aussi exceptionnelle que Marinette.Mais rien ne se passe comme prévu et Chloé se fait akumatiser par le Papillon… alors qu’elle est encore en Queen Bee !Désormais à la tête d’une armée d’abeilles maléfiques, Queen Wasp veut se venger de Ladybug et Chat Noir, qui ne la reconnaissent pas en tant que super héroïne.</t>
  </si>
  <si>
    <t>FR32419-HDTX</t>
  </si>
  <si>
    <t>Hôtel Franksylvanie / Trous de mémoire</t>
  </si>
  <si>
    <t>FR75319-HDTX</t>
  </si>
  <si>
    <t>Hôtes hantés / Mèche rebelle</t>
  </si>
  <si>
    <t>Pour éviter une nouvelle mauvaise critique envers l'hôtel, Mavis ne recule devant rien pour satisfaire les clients. Elle va même jusqu'à louer la maison des Quatre-quarts à des fantômes qui désirent vivre une expérience dans le monde des humains. / Mavis se réveille avec une mèche rebelle. N'ayant pas le temps de se coiffer, elle coupe l'embêtante touffe de cheveux mais sans respecter le rituel funéraire capillaire des vampires, malgré la mise en garde de Tyffany.</t>
  </si>
  <si>
    <t>FR75320-HDTX</t>
  </si>
  <si>
    <t>Réalisateur: Thomas Astruc, Réalisateur: Matthieu ChoquetRéalisateur: Thomas Astruc</t>
  </si>
  <si>
    <t>Chef Papa</t>
  </si>
  <si>
    <t>Le jour de la nomination du nouveau chef des jagons, Migs doit emmener ses trois enfants avec lui.</t>
  </si>
  <si>
    <t>FR71252-HDTX</t>
  </si>
  <si>
    <t>Leurs majestés rétrécissent</t>
  </si>
  <si>
    <t>Le premier Festin de l'Amitié organisé par Julio tourne au vinaigre et tous les convives rapetissent soudainement.</t>
  </si>
  <si>
    <t>FR71253-HDTX</t>
  </si>
  <si>
    <t>Gluglu et le Lionelosaure/Yoyo et le voleur de doudous</t>
  </si>
  <si>
    <t>A cause d’une des inventions de Roméo, le lézard de Gluglu, Lionel, est transformé en gigantesque monstre qui détruit tout sur son passage. Yoyo et Bibou veulent que Gluglu traite Lionel comme un monstre mais il sait bien qu’il est toujours son compagnon, peu importe sa taille./Au cours d’une mission pour empêcher Roméo de transformer toutes les peluches en mini-lui,Yoyo avoue à Bibou et Gluglu qu’il a lui aussi un doudou.</t>
  </si>
  <si>
    <t>FR43070-HDTX</t>
  </si>
  <si>
    <t>Gluglu et le rayon babyficateur/Bibou et l'éclipse lunaire</t>
  </si>
  <si>
    <t>Romeo transforme tout le monde en bébés et Gluglu doit surveiller ses deux partenaires Minibou et Petit Chat en même temps qu’il sauve le monde./Bibou doit mettre de côté sa jalousie afin d’aider Sorceline à récupérer son aérolune et son luna magnet, volés par Roméo.</t>
  </si>
  <si>
    <t>FR43071-HDTX</t>
  </si>
  <si>
    <t>La brebis de Zuri</t>
  </si>
  <si>
    <t>Réalisateur: Bob Koherr, Interprète: Miranda May, Interprète: Lincoln Melcher, Interprète: Nina Lu, Interprète: Skai Jackson, Interprète: Nathan Arenas, Interprète: Karan Brar, Interprète: Peyton List, Interprète: Kevin QuinnInterprète: Peyton List, Interprète: Kevin Quinn, Interprète: Miranda May, Interprète: Skai Jackson, Interprète: Nina Lu, Interprète: Nathan Arenas, Interprète: Karan Brar</t>
  </si>
  <si>
    <t>Lou demande à Zuri et Emma de venir travailler à la grange. Les garçons découvrent que Gladys cache un secret dans les bois.</t>
  </si>
  <si>
    <t>FR29055-HDTX</t>
  </si>
  <si>
    <t>Zuri et les fouines</t>
  </si>
  <si>
    <t>Réalisateur: Phill Lewis, Interprète: Lily Mae Silverstein, Interprète: Nathan Arenas, Interprète: Kevin Quinn, Interprète: Peyton List, Interprète: Lincoln Melcher, Interprète: Tessa Netting, Interprète: Miranda May, Interprète: Skai Jackson, Interprète: Karan Brar, Interprète: Nina LuInterprète: Peyton List, Interprète: Kevin Quinn, Interprète: Miranda May, Interprète: Skai Jackson, Interprète: Nina Lu, Interprète: Nathan Arenas, Interprète: Karan Brar</t>
  </si>
  <si>
    <t>Devant le désarroi de Zuri, Hazel la nomme monitrice stagiaire de la cabane des Fouines. Jorge convainc Ravi que le cheval du camp a un talent caché.</t>
  </si>
  <si>
    <t>FR29057-HDTX</t>
  </si>
  <si>
    <t>Le test</t>
  </si>
  <si>
    <t>Cooper est angoissé pour l'examen des pompiers junior, mais tout le monde lui dit qu'il réussira parce que son père était pompier.</t>
  </si>
  <si>
    <t>FR81104-HDTX</t>
  </si>
  <si>
    <t>Tableau d'honneur</t>
  </si>
  <si>
    <t>30</t>
  </si>
  <si>
    <t>Pour entrer au tableau d'honneur, Cami dopit avoir un A en art visuel, mais le tournage de son documentaire vire au cauchemar.</t>
  </si>
  <si>
    <t>FR81107-HDTX</t>
  </si>
  <si>
    <t>Episode 43</t>
  </si>
  <si>
    <t>43</t>
  </si>
  <si>
    <t>Réalisateur: Lucas Gil, Réalisateur: Martin Saban, Réalisateur: Jorge Nisco, Interprète: Clara Alonso, Interprète: Facundo Gambande, Interprète: Candelaria Molfese, Interprète: Pablo Espinosa, Interprète: Simone Lijoi, Interprète: Mercedes Lambre, Interprète: Lodovica Comello, Interprète: Florencia Benitez, Interprète: Alba Rico, Interprète: Martina Stoessel, Interprète: Jorge Blanco, Interprète: Diego Ramos, Interprète: Nicolas Garnier, Interprète: Esther Ramos, Interprète: Iara Munoz, Interprète: Joaquin Mendez, Interprète: Milagros Ceballos, Interprète: Damian Trabada, Interprète: Gonzalo MartinezRéalisateur: Lucas Gil, Réalisateur: Jorge Nisco, Réalisateur: Martin Saban, Interprète: Clara Alonso, Interprète: Facundo Gambande, Interprète: Candelaria Molfese, Interprète: Pablo Espinosa, Interprète: Simone Lijoi, Interprète: Mercedes Lambre, Interprète: Lodovica Comello, Interprète: Florencia Benitez, Interprète: Alba Rico, Interprète: Martina Stoessel, Interprète: Jorge Blanco, Interprète: Diego Ramos, Interprète: Nicolas Garnier, Interprète: Iara Munoz, Interprète: Joaquin Mendez, Interprète: Milagros Ceballos, Interprète: Damian Trabada, Interprète: Gonzalo Martinez, Interprète: Esther Ramos</t>
  </si>
  <si>
    <t>Camila et Francesca se disputent Broadway. Pablo aide toujours les étudiants pour leurs devoirs, même s’il travaille au Resto-bar. Broadway est attiré par Violetta. Jade menace d’expulser Violetta quand elle aura épousé Germán. Gregorio est le directeur du Studio et est tyrannique envers les autres professeurs. Angie et Beto le soupçonnent de les espionner car il utilise leurs conversations contre eux. Violetta écrit une chanson sur ses sentiments pour Tomás et León, mais Camila croit que la chanson a été écrite pour elle.</t>
  </si>
  <si>
    <t>FJ67374-TX</t>
  </si>
  <si>
    <t>29/10/2020</t>
  </si>
  <si>
    <t>jeudi</t>
  </si>
  <si>
    <t>La Gemme du génie / Tourbillon d'émotions</t>
  </si>
  <si>
    <t>Gilbert et Sadie se disputent quand Gilbert apprend par Cornelius que la jeune fille a filé en douce au lac au lieu d'étudier ses leçons de magie. Elle découvre alors que plusieurs personnes ont été victimes d'un sort et que quelqu'un leur a volé leur intelligence. / Sadie est prise d'un excès de confiance pendant un entraînement de lancer de boules de feu avec Blaine et elle brûle légèrement le bout de la queue de Gilbert. Celui-ci s'emporte et dispute Sadie violemment. La jeune fille est si effrayée qu'elle en perd ses pouvoirs magiques.</t>
  </si>
  <si>
    <t>FR61483-HDTX</t>
  </si>
  <si>
    <t>Sadie fait des étincelles / L'orage</t>
  </si>
  <si>
    <t>Sadie a remarqué que de l'énergie magique s'échappe parfois de ses mains, de manière incontrôlée.Teepee et Lulu remarquent alors une énorme faille qui s'ouvre. Les Anciens chargent Blaine et Cornelius de refermer cette déchirure. Mais c'est Sadie qui pourra refermer la faille. / Sadie fera tout pour sauver Harmony.</t>
  </si>
  <si>
    <t>FR61484-HDTX</t>
  </si>
  <si>
    <t>L'escalade</t>
  </si>
  <si>
    <t>Théo croise la grimpeuse Soraya qui lui apprend à faire de l'escalade.</t>
  </si>
  <si>
    <t>PC82015-TX</t>
  </si>
  <si>
    <t>Amies pour la vie</t>
  </si>
  <si>
    <t>La visite d'une amie d'enfance réveille des doutes en Naomi quant à son rôle au sein du Grand Conseil.</t>
  </si>
  <si>
    <t>FR71266-HDTX</t>
  </si>
  <si>
    <t>Hanoucca</t>
  </si>
  <si>
    <t>Elena aide une autre famille royale à fêter Hanoucca.</t>
  </si>
  <si>
    <t>FR71268-HDTX</t>
  </si>
  <si>
    <t>Owl House S1, The</t>
  </si>
  <si>
    <t>Luz, une adolescente humaine pleine d’assurance, tombe accidentellement sur un portail permettant d’accéder à un nouveau monde magique où elle se liera d’amitié avec une sorcière rebelle, Eda, et un guerrier adorable, King.</t>
  </si>
  <si>
    <t>FR80371-HDTX</t>
  </si>
  <si>
    <t>Auteur à succès</t>
  </si>
  <si>
    <t>King devient un auteur à succès et apprend à bien lire un contrat.</t>
  </si>
  <si>
    <t>FR80356-HDTX</t>
  </si>
  <si>
    <t>Hôtes hantés</t>
  </si>
  <si>
    <t>Pour éviter une nouvelle mauvaise critique envers l'hôtel, Mavis ne recule devant rien pour satisfaire les clients. Elle va même jusqu'à louer la maison des Quatre-quarts à des fantômes qui désirent vivre une expérience dans le monde des humains.</t>
  </si>
  <si>
    <t>FR84581-HDTX</t>
  </si>
  <si>
    <t>Mèche rebelle</t>
  </si>
  <si>
    <t>73</t>
  </si>
  <si>
    <t>Mavis se réveille avec une mèche rebelle. N'ayant pas le temps de se coiffer, elle coupe l'embêtante touffe de cheveux mais sans respecter le rituel funéraire capillaire des vampires, malgré la mise en garde de Tyffany.</t>
  </si>
  <si>
    <t>FR84582-HDTX</t>
  </si>
  <si>
    <t>La peur donne des ailes</t>
  </si>
  <si>
    <t>66</t>
  </si>
  <si>
    <t>Mavis et ses amis aident Hank à surmonter ses peurs en faisant un peu de panicothérapie. Mais cela fonctionne si bien que soudain, Hank n'a plus peur de rien ! Une nouvelle vie d’outre-tombe s’ouvre devant lui.</t>
  </si>
  <si>
    <t>FR75359-HDTX</t>
  </si>
  <si>
    <t>Lady Wifi</t>
  </si>
  <si>
    <t>Alors que Marinette, débordée par sa double vie, manque une nouvelle fois les cours au collège, sa meilleure amie Alya pense avoir découvert que Chloé est celle qui se cache sous le masque de Ladybug. Ne supportant pas qu’Alya fouine dans ses affaires, Chloé se débrouille pour la faire renvoyer du collège.Révoltée par cette injustice, Alya se fait akumatiser par Le Papillon. Devenue Lady Wifi et armée de son téléphone portable, elle compte bien se venger de Chloé en la dénonçant pour faire triompher la vérité.</t>
  </si>
  <si>
    <t>PG19193-TX</t>
  </si>
  <si>
    <t>Le lancer de javelot</t>
  </si>
  <si>
    <t>Erwan enseigne le lancer de javelot à Théo.</t>
  </si>
  <si>
    <t>FR26928-HDTX</t>
  </si>
  <si>
    <t>Amitiés contrariées/ L'Objet de la honte/ Vaudou</t>
  </si>
  <si>
    <t>33</t>
  </si>
  <si>
    <t>La lettre d'amitié de Lucie pour Lola s'envole au vent. Paf va tout faire pour la récupérer et éviter que les Guanos mettent la main dessus./ Lola et Victor ont le même sac à dos et par inadvertance ils ont échangé leur sac. Lola veut récupérer le sien qui contient son journal intime tandis que les Guanos se verraient bien avec un joli sac à dos. Paf va intervenir!/ Les Guanos découvrent une poupée ressemblant à Paf et vont en faire une poupée vaudou ! Ils vont faire en sorte qu’il capture Capuche pour eux pendant que Lola essaiera de trouver un remède pour son Paf qui agit bizarrement</t>
  </si>
  <si>
    <t>FR83004-HDTX</t>
  </si>
  <si>
    <t>Les Super Héros</t>
  </si>
  <si>
    <t>Réalisateur: Dan Povenmire, Réalisateur: Jeff Swampy Marsh, Interprète: Bowling For SoupRéalisateur: Dan Povenmire, Interprète: Bowling For Soup</t>
  </si>
  <si>
    <t>Phinéas et Ferb se transforment en super héros, ils attirent un super vilain qui veut en découdre et c’est la super bagarre en ville !</t>
  </si>
  <si>
    <t>FR50620-HDTX</t>
  </si>
  <si>
    <t>Le détecteur de vérité / Commando démasquage</t>
  </si>
  <si>
    <t>Réalisateur: Jay Lender, Réalisateur: Dan Povenmire, Réalisateur: Zac Moncrief, Interprète: Bowling For SoupRéalisateur: Dan Povenmire, Interprète: Bowling For Soup</t>
  </si>
  <si>
    <t>Irving veut convaincre son grand frère Albert de l’existence de Phinéas et Ferb mais quand il arrive chez eux, il ne trouve que Buford et Baljeet. / Candice entraîne ses copines Stacy et Jenny à une opération commando de démasquage de ses frères...</t>
  </si>
  <si>
    <t>FR50621-HDTX</t>
  </si>
  <si>
    <t>Dans la peau de Lycidias</t>
  </si>
  <si>
    <t>Mavis tente d'accomplir le Plongeon de la Mort, une acrobatie rendue tristement célèbre par son défunt ancêtre Lycidias Dracula. Mais Mavis vient troubler le repos éternel du redoutable vampire et se retrouve dans une situation aussi sinistre que compliquée.</t>
  </si>
  <si>
    <t>FR75321-HDTX</t>
  </si>
  <si>
    <t>Hotel Transylvanie S2 Ep 45</t>
  </si>
  <si>
    <t>FR75314-HDTX</t>
  </si>
  <si>
    <t>Le prix de la paix à Norberg</t>
  </si>
  <si>
    <t>Elena se rend à Norberg pour aider deux souverains à régler leurs différends.</t>
  </si>
  <si>
    <t>FR71254-HDTX</t>
  </si>
  <si>
    <t>La magie en moi, première partie</t>
  </si>
  <si>
    <t>La veille du carnaval, Elena tombe dans le puits aux cristaux et voit ses pouvoirs transformés et augmentés.</t>
  </si>
  <si>
    <t>FR71255-HDTX</t>
  </si>
  <si>
    <t>Le Pyja-Robot / Les Pyjamasques et le Super Cristal</t>
  </si>
  <si>
    <t>Les Pyjamasques découvrent la nouvelle invention de Roméo : un mini-robot très mignon et câlin qu’ils prennent vite en affection. Mais il s’agit d’un piège: Roméo attend que les Pyjamasques emmènent le robot pour le téléguider et lui faire détruire le Q.G. / Alors que nos trois héros peuvent compter sur Pyja-robot, qui a toutes les qualités pour devenir le quatrième Pyjamasque, ils doivent affronter Ninjaka et sa bande de Ninjazouaves qui ont décidé, cette fois-ci, de voler tous les bâtiments de la ville.</t>
  </si>
  <si>
    <t>FR43075-HDTX</t>
  </si>
  <si>
    <t>Gluglu et la lune rousse : Partie 1 / Gluglu et la lune rousse : Partie 2</t>
  </si>
  <si>
    <t>35</t>
  </si>
  <si>
    <t>Sorceline s'envole vers la lune rousse pour gagner de nouveaux pouvoirs grâce à des cristaux de lune très rares. Les Pyjamasques foncent à sa poursuite, mais Gluglu a peur d'aller dans l'espace, ce monde inconnu et si imprévisible. Le voyage est drôlement mouvementé !/ Alors que Bibou et Yoyo ont poursuivi Sorceline dans sa forteresse lunaire, ils sont emprisonnés par des cristaux géants et ne peuvent compter que sur Gluglu, resté dans leur vaisseau spatial. Heureusement, Gluglu trouve le courage pour affronter ses peurs.</t>
  </si>
  <si>
    <t>FR43077-HDTX</t>
  </si>
  <si>
    <t>Visite inattendue</t>
  </si>
  <si>
    <t>Réalisateur: Robbie Countryman, Interprète: Lincoln Autumn Bertman, Interprète: Peyton List, Interprète: Tessa Netting, Interprète: Kevin Quinn, Interprète: Cameron Boyce, Interprète: Miranda May, Interprète: Mason Patrick Mahay, Interprète: Skai Jackson, Interprète: Emma Shannon, Interprète: Nina Lu, Interprète: Nathan Arenas, Interprète: Karan BrarInterprète: Peyton List, Interprète: Kevin Quinn, Interprète: Miranda May, Interprète: Skai Jackson, Interprète: Nina Lu, Interprète: Nathan Arenas, Interprète: Karan Brar</t>
  </si>
  <si>
    <t>Luke arrive au camp et décide d'entraîner Griff et Zuri dans une aventure pour prouver qu'il est aussi responsable que n'importe quel moniteur.</t>
  </si>
  <si>
    <t>FR29058-HDTX</t>
  </si>
  <si>
    <t>La Reine de la Peur</t>
  </si>
  <si>
    <t>Réalisateur: Robbie Countryman, Interprète: Paula Rhodes, Interprète: Miranda May, Interprète: Skai Jackson, Interprète: Nina Lu, Interprète: Nathan Arenas, Interprète: Karan Brar, Interprète: Kevin Quinn, Interprète: Peyton ListInterprète: Peyton List, Interprète: Kevin Quinn, Interprète: Miranda May, Interprète: Skai Jackson, Interprète: Nina Lu, Interprète: Nathan Arenas, Interprète: Karan Brar</t>
  </si>
  <si>
    <t>Jorge participe à un concours d'écriture de nouvelles d'horreur et gagne un déjeuner avec sa romancière préférée, Stéphanie Queen. De son côté, Xander doit jouer les arbitres entre Emma et Ravi.</t>
  </si>
  <si>
    <t>FR29059-HDTX</t>
  </si>
  <si>
    <t>Piégée</t>
  </si>
  <si>
    <t>Cami est ennuyée car elle révèle par inadvertance à Cooper et Peyton des secrets qu'ils ne veulent pas savoir l'un sur l'autre.</t>
  </si>
  <si>
    <t>FR81108-HDTX</t>
  </si>
  <si>
    <t>Négociations</t>
  </si>
  <si>
    <t>Cami et Oliver veulent prouver qu'ils sont assez responsables pour décider de leur heure de coucher en emménageant dans un igloo dans leur jardin.</t>
  </si>
  <si>
    <t>FR81106-HDTX</t>
  </si>
  <si>
    <t>Episode 44</t>
  </si>
  <si>
    <t>Réalisateur: Lucas Gil, Réalisateur: Martin Saban, Réalisateur: Jorge Nisco, Interprète: Clara Alonso, Interprète: Facundo Gambande, Interprète: Jorge Blanco, Interprète: Candelaria Molfese, Interprète: Nicolas Garnier, Interprète: Mercedes Lambre, Interprète: Lodovica Comello, Interprète: Florencia Benitez, Interprète: Alba Rico, Interprète: Martina Stoessel, Interprète: Diego Ramos, Interprète: Pablo Espinosa, Interprète: Simone Lijoi, Interprète: Esther Ramos, Interprète: Damian Trabada, Interprète: Gonzalo Martinez, Interprète: Joaquin Mendez, Interprète: Milagros Ceballos, Interprète: Iara MunozRéalisateur: Lucas Gil, Réalisateur: Jorge Nisco, Réalisateur: Martin Saban, Interprète: Clara Alonso, Interprète: Facundo Gambande, Interprète: Candelaria Molfese, Interprète: Pablo Espinosa, Interprète: Simone Lijoi, Interprète: Mercedes Lambre, Interprète: Lodovica Comello, Interprète: Florencia Benitez, Interprète: Alba Rico, Interprète: Martina Stoessel, Interprète: Jorge Blanco, Interprète: Diego Ramos, Interprète: Nicolas Garnier, Interprète: Iara Munoz, Interprète: Joaquin Mendez, Interprète: Milagros Ceballos, Interprète: Damian Trabada, Interprète: Gonzalo Martinez, Interprète: Esther Ramos</t>
  </si>
  <si>
    <t>Jade dit à Germán qu’elle a vu Violetta au Studio. Gregorio cherche à renvoyer Angie. León comprend que la chanson de Violetta parle de ses sentiments pour Tomás et lui. Maxi est toujours attiré par Mara, sa cousine, il lui présente donc Braco. Ludmila incite Broadway à parler à Violetta. Germán se rend à l’école pour parler à León, croyant qu’elle y va pour le retrouver. Violetta confronte Germán à ses sentiments pour Angie et non pour Jade. La chanson composée par Tomás et chantée par León est explicitement une ode à Violetta. Celle-ci entend Angie dire qu’elle est sa tante.</t>
  </si>
  <si>
    <t>43min</t>
  </si>
  <si>
    <t>FJ67375-TX</t>
  </si>
  <si>
    <t>30/10/2020</t>
  </si>
  <si>
    <t>vendredi</t>
  </si>
  <si>
    <t>Attention au C.O.P.A.I.N</t>
  </si>
  <si>
    <t>Quand Mark Beaks invente une voiture automatisée qui ne peut avoir d'accident, Flagada se sent menacé et engage Gérard, le stagiaire de Trouvetou, pour l'aider à vaincre la menace mécanique.</t>
  </si>
  <si>
    <t>FR60364-HDTX</t>
  </si>
  <si>
    <t>La Journée de l'Enfant Unique</t>
  </si>
  <si>
    <t>Fifi lance la Journée de l'Enfant Unique, une fête destinée à lui seul, en totale indépendance de ses frères. Mais son beau projet tourne mal et c'est tous les trois qu'ils devront réparer les dégâts.</t>
  </si>
  <si>
    <t>FR50195-HDTX</t>
  </si>
  <si>
    <t>Le nez en l’air / Quand on veut on peut</t>
  </si>
  <si>
    <t>Réalisateur: Olivier Lelardoux, Réalisateur: O'Hanlon Bronagh, Réalisateur: Bronagh O'HanlonRéalisateur: Olivier Lelardoux, Réalisateur: Bronagh O'Hanlon</t>
  </si>
  <si>
    <t>Sadie et Gilbert viennent de décrocher les premiers rôles dans le petit film qui sera tourné par sa classe. Sadie se réveille avec un gros bouton sur le nez. / Un jour, Sadie lance accidentellement un sort d'accélération sur Teepee qui se met à faire le tour de la piste d'athlétisme à toute allure.Coach le remarque et se montre très enthousiaste face à cette nouvelle star de la course.</t>
  </si>
  <si>
    <t>FR61466-HDTX</t>
  </si>
  <si>
    <t>Le parchemin de l'embrouille / Trois c'est trop</t>
  </si>
  <si>
    <t>Les Anciens de la Magie ont préparé un test de magie qui consiste à créer un arc-en-ciel nocturne à partir de rien. Deux équipes s'opposent : Gilbert et Sadie contre Blaine et Cornelius. Les deux équipes se creusent la tête sur le problème et Blaine est très inquiet, car il sait que Sadie est bien meilleur que lui en improvisation. / Aujourd'hui, Sam organise un barbecue sur la plage. Mais les Anciens qui lui demandent de réécrire sa rédaction sur les potions et sa mère qui lui ordonne de ranger sa chambre. Avec tout ça, comment va-t-elle trouver le temps de se rendre au barbecue ?</t>
  </si>
  <si>
    <t>FR61477-HDTX</t>
  </si>
  <si>
    <t>Le Parapente</t>
  </si>
  <si>
    <t>Théo faire la rencontre de Peyo qui lui fait découvrir un sport aérien, le parapente !</t>
  </si>
  <si>
    <t>PC82016-TX</t>
  </si>
  <si>
    <t>Des pas de géants</t>
  </si>
  <si>
    <t>Naomi rentre à Avalor pour mettre en garde Elena contre des sorciers malavisés.</t>
  </si>
  <si>
    <t>FR71269-HDTX</t>
  </si>
  <si>
    <t>Le lancer de disque</t>
  </si>
  <si>
    <t>74</t>
  </si>
  <si>
    <t>Ayden montre à Théo comment s'exercer au lancer de disque.</t>
  </si>
  <si>
    <t>FR26929-HDTX</t>
  </si>
  <si>
    <t>Relax Paf/ La Recrue/ Domotic-toc</t>
  </si>
  <si>
    <t>34</t>
  </si>
  <si>
    <t>Réalisateur: Guillaume Rio</t>
  </si>
  <si>
    <t>Lola aide Lucie à se remémorer ses postures de yoga pour un examen tandis que Paf va tout faire pour qu'il y ait le moins de bruits possible pour aider Lola réussir sa mission./Lola doit récupérer la broche de sa mère qu'elle a accroché sur Capuche mais ce dernier disaparait. Il a été recruté par les Dobermanns qui pensent qu'il fait partie de la police, comme eux. Paf va devoir récupérer Capuche et la broche/Les Guanos s'emparent de la télécommande de la maison pour enfermer dehors Lola et Paf et s'emparer de Capuche. Paf va devoir récupérer la télécommande.</t>
  </si>
  <si>
    <t>FR83005-HDTX</t>
  </si>
  <si>
    <t>Le Géant-inateur / Le rodéo de robots</t>
  </si>
  <si>
    <t>Réalisateur: Zac Moncrief, Réalisateur: Dan Povenmire, Réalisateur: Jay Lender, Interprète: Bowling For SoupRéalisateur: Dan Povenmire, Interprète: Bowling For Soup</t>
  </si>
  <si>
    <t>Le caméléon de Ferb s'est enfui après avoir reçu un rayon du géant-inateur de Doofensmirtz qui lui a donné la taille d'un dinosaure. / Phinéas et Ferb organisent un rodéo de robots dans le jardin.</t>
  </si>
  <si>
    <t>FR50622-HDTX</t>
  </si>
  <si>
    <t>L’art de diriger / La face cachée de la lune</t>
  </si>
  <si>
    <t>Réalisateur: Dan Povenmire, Interprète: Bowling For SoupRéalisateur: Dan Povenmire, Interprète: Bowling For Soup</t>
  </si>
  <si>
    <t>Candice suit un cours sur « l’art de diriger », qui lui donne de nouvelles idées pour piéger ses frères. / Phinéas et Ferb construisent la plus haute tour du monde, et Candice est décidée à les piéger pour de bon.</t>
  </si>
  <si>
    <t>FR50623-HDTX</t>
  </si>
  <si>
    <t>Doudou Vilain</t>
  </si>
  <si>
    <t>Chloé décide d’organiser une fête chez elle, au Palace, et d’inviter tous les collégiens. Coachée par son majordome, Chloé fait des efforts et parvient à être aimable. Mais un événement la fait sortir de ses gonds et elle finit par renvoyer son majordome devant tous ses invités. Humilié, le majordome est akumatisé par le Papillon. Devenu Doudou Vilain, il peut désormais manipuler tous ceux qu’il touche. Et il compte bien se servir de son pouvoir pour se venger de Chloé. Ladybug et Chat Noir devront intervenir rapidement s’ils ne veulent pas perdre le contrôle de la situation !</t>
  </si>
  <si>
    <t>FR32404-HDTX</t>
  </si>
  <si>
    <t>L'insaisissable</t>
  </si>
  <si>
    <t>L’assistante dévouée de Jagged, se fait akumatiser par le Papillon et devient l’Insaisissable. Armée d’un stylo qui lui permet de devenir intangible quand elle le souhaite, celle qui réglait toujours les problèmes des autres va désormais tout faire pour en créer !Enfermée dans la boulangerie, Marinette devra trouver un moyen de s’éclipser et de se transformer en Ladybug pour aider Chat Noir à vaincre l’Insaisissable.Nos deux super-héros devront réussir à arrêter la vilaine avant qu’elle ne sème le chaos !</t>
  </si>
  <si>
    <t>FR32405-HDTX</t>
  </si>
  <si>
    <t>LÉNA, RÊVE D'ÉTOILE</t>
  </si>
  <si>
    <t>Mauvaise surprise</t>
  </si>
  <si>
    <t>Réalisateur: Matt Bloom, Interprète: Jake Swift, Interprète: Terique Jarrett, Interprète: Castle Rock, Interprète: Eubha Akilade, Interprète: Jessica LordInterprète: Castle Rock, Interprète: Eubha Akilade, Interprète: Jessica Lord, Interprète: Jake Swift, Interprète: Terique Jarrett</t>
  </si>
  <si>
    <t>Le groupe apprend qu’il n’y a plus que deux places pour les filles et une pour les garçons au sein de la Compagnie. Léna et Inès prient pour être retenues toutes les deux, tandis que Jeff et Isaac se retrouvent en concurrence. Jeff encourage le groupe à relâcher la pression grâce au hip-hop, mais les autres veulent se concentrer sur le classique. Romy réalise qu’elle n’a peut-être pas le niveau pour intégrer l’Ecole de danse de l’Opéra national de Paris. Elle dérobe alors l’appareil à voyager dans le temps d’Inès et l’utilise pour s’entraîner en compagnie de danseurs de diverses époques.</t>
  </si>
  <si>
    <t>FR87033-HDTX</t>
  </si>
  <si>
    <t>La grande évasion</t>
  </si>
  <si>
    <t>Réalisateur: Ronan Burke, Réalisateur: Robert Burke, Interprète: Castle Rock, Interprète: Jessica Lord, Interprète: Eubha Akilade, Interprète: Jake Swift, Interprète: Terique JarrettInterprète: Castle Rock, Interprète: Eubha Akilade, Interprète: Jessica Lord, Interprète: Jake Swift, Interprète: Terique Jarrett</t>
  </si>
  <si>
    <t>Inès et Frank trouvent le moyen d’infiltrer Léna et Nico dans le Bureau, afin de sauver Romy. Grâce à un échange d’ADN, les points matérialisant la présence de Nico et Léna sur le traqueur du Bureau seront temporairement remplacés par ceux d’Inès et Jeff. Pendant ce temps, Romy tente de faire face au danger. Elle est enfermée dans la prison temporelle, et le Bureau menace d’effacer ses souvenirs. Armando attribue un devoir individuel à chaque élève en vue des auditions de la Compagnie. Mais à cause des histoires de voyages dans le temps, aucun d’entre eux n’est suffisamment concentré.</t>
  </si>
  <si>
    <t>FR87034-HDTX</t>
  </si>
  <si>
    <t>Projet secret</t>
  </si>
  <si>
    <t>Réalisateur: Ronan Burke, Réalisateur: Robert Burke, Interprète: Jessica Lord, Interprète: Eubha Akilade, Interprète: Jake Swift, Interprète: Terique Jarrett, Interprète: Castle RockInterprète: Castle Rock, Interprète: Eubha Akilade, Interprète: Jessica Lord, Interprète: Jake Swift, Interprète: Terique Jarrett</t>
  </si>
  <si>
    <t>Romy et Léna se sont attirées des problèmes pour ne pas avoir respecté le couvre-feu. Jeff a besoin de tourner un clip de hip-hop, mais le reste du groupe ne veut pas risquer ses chances d’intégrer la Compagnie. Du coup Jeff ment à ses amis, en leur demandant de le retrouver dans Paris pour danser, tandis que Simon les filme à leur insu. Il a besoin d’une bande démo pour retenir l’attention de Zack, un célèbre producteur de Los Angeles ! De son côté Léna est totalement fan de la nouvelle chanson d’Henri dès la première écoute, du moins jusqu’à ce qu’elle apprenne que Claudine y a contribué.</t>
  </si>
  <si>
    <t>FR88083-HDTX</t>
  </si>
  <si>
    <t>Ouvrir son cœur</t>
  </si>
  <si>
    <t>Réalisateur: Bob Koherr, Interprète: Nina Lu, Interprète: Nathan Arenas, Interprète: Karan Brar, Interprète: Peyton List, Interprète: Kevin Quinn, Interprète: Lincoln Melcher, Interprète: Miranda May, Interprète: Skai JacksonInterprète: Peyton List, Interprète: Kevin Quinn, Interprète: Miranda May, Interprète: Skai Jackson, Interprète: Nina Lu, Interprète: Nathan Arenas, Interprète: Karan Brar</t>
  </si>
  <si>
    <t>Zuri aide Xander à tourner une vidéo musicale dans l'espoir de faire de lui une star des réseaux sociaux. Ravi et Lou veulent faire quelque chose de gentil pour Griff.</t>
  </si>
  <si>
    <t>FR29060-HDTX</t>
  </si>
  <si>
    <t>La cabane de la terreur</t>
  </si>
  <si>
    <t>Réalisateur: Bob Koherr, Interprète: Karan Brar, Interprète: Nathan Arenas, Interprète: Kevin Quinn, Interprète: Peyton List, Interprète: Lily Mae Silverstein, Interprète: Miranda May, Interprète: Nina Lu, Interprète: Skai JacksonInterprète: Peyton List, Interprète: Kevin Quinn, Interprète: Miranda May, Interprète: Skai Jackson, Interprète: Nina Lu, Interprète: Nathan Arenas, Interprète: Karan Brar</t>
  </si>
  <si>
    <t>Zuri, Jorge et Tiffany découvrent une cabane abandonnée dans un arbre et la réparent pour en faire leur point de rencontre. Emma et Lou affrontent Ravi et Xander dans un concours "filles contre garçons".</t>
  </si>
  <si>
    <t>FR29061-HDTX</t>
  </si>
  <si>
    <t>Coop &amp; Cami Ask The World S2</t>
  </si>
  <si>
    <t>Cami et Charlotte décident d'utiliser une maison que leur mère a à vendre pour s'isoler.</t>
  </si>
  <si>
    <t>FR81109-HDTX</t>
  </si>
  <si>
    <t>Le débat</t>
  </si>
  <si>
    <t>La guerre de blagues entre Cami et Pam pousse Charlotte à se mordre la langue. Elle ne peut plus parler correctement et Cami doit prendre sa place pour conduire l'équipe de débat au championnat régional.</t>
  </si>
  <si>
    <t>FR81110-HDTX</t>
  </si>
  <si>
    <t>Episode 45</t>
  </si>
  <si>
    <t>Réalisateur: Jorge Nisco, Réalisateur: Lucas Gil, Réalisateur: Martin Saban, Interprète: Pablo Espinosa, Interprète: Simone Lijoi, Interprète: Mercedes Lambre, Interprète: Lodovica Comello, Interprète: Florencia Benitez, Interprète: Alba Rico, Interprète: Clara Alonso, Interprète: Jorge Blanco, Interprète: Candelaria Molfese, Interprète: Diego Ramos, Interprète: Nicolas Garnier, Interprète: Martina Stoessel, Interprète: Facundo Gambande, Interprète: Iara Munoz, Interprète: Joaquin Mendez, Interprète: Damian Trabada, Interprète: Gonzalo Martinez, Interprète: Esther Ramos, Interprète: Milagros CeballosRéalisateur: Lucas Gil, Réalisateur: Jorge Nisco, Réalisateur: Martin Saban, Interprète: Clara Alonso, Interprète: Facundo Gambande, Interprète: Candelaria Molfese, Interprète: Pablo Espinosa, Interprète: Simone Lijoi, Interprète: Mercedes Lambre, Interprète: Lodovica Comello, Interprète: Florencia Benitez, Interprète: Alba Rico, Interprète: Martina Stoessel, Interprète: Jorge Blanco, Interprète: Diego Ramos, Interprète: Nicolas Garnier, Interprète: Iara Munoz, Interprète: Joaquin Mendez, Interprète: Milagros Ceballos, Interprète: Damian Trabada, Interprète: Gonzalo Martinez, Interprète: Esther Ramos</t>
  </si>
  <si>
    <t>Quand Violetta entend Angie dire qu’elle est sa tante, Angie tente de se rattraper en affirmant qu’elle se sent comme si elle était sa tante. Ramallo et Germán cherchent une remplaçante à celle-ci. Tomás brise accidentellement un portrait de Gregorio qui veut le renvoyer. Violetta tente de convaincre Germán de reprendre Angie. Gregorio envoie Andrés piéger Tomás. Broadway veut toujours séduire Violetta, ce qui énerve Tomás et León. Maxi parle à Mara des sentiments qu’ils ressentent l’un pour l’autre.</t>
  </si>
  <si>
    <t>FJ67376-TX</t>
  </si>
  <si>
    <t>DJFR</t>
  </si>
  <si>
    <t>LA MAISON DE MICKEY</t>
  </si>
  <si>
    <t>Le bingo calendrier de Minnie</t>
  </si>
  <si>
    <t>Réalisateur: Sherie Pollack, Réalisateur: Rob LaDuca, Interprète: They Might Be GiantsRéalisateur: Rob LaDuca, Réalisateur: Sherie Pollack, Interprète: They Might Be Giants</t>
  </si>
  <si>
    <t>Mickey et ses amis aident Minnie à retrouver les pages de son bingo calendrier. Elles se sont malheureusement envolées à cause du vent...</t>
  </si>
  <si>
    <t>2005</t>
  </si>
  <si>
    <t>FR31272-HDTX</t>
  </si>
  <si>
    <t>06:30:00</t>
  </si>
  <si>
    <t>La soirée pyjama de Minnie</t>
  </si>
  <si>
    <t>Réalisateur: Rob LaDuca, Réalisateur: Sherie Pollack, Interprète: They Might Be GiantsRéalisateur: Rob LaDuca, Réalisateur: Sherie Pollack, Interprète: They Might Be Giants</t>
  </si>
  <si>
    <t>Minnie organise une soirée pyjama chez Mickey, où ses amis sont conviés. Dingo en profite même pour raconter une histoire à ses camarades...</t>
  </si>
  <si>
    <t>FR31273-HDTX</t>
  </si>
  <si>
    <t>GIGANTOSAURUS</t>
  </si>
  <si>
    <t>Les cinq amis / Un petit service</t>
  </si>
  <si>
    <t>Réalisateur: Olivier LelardouxRéalisateur: Olivier Lelardoux</t>
  </si>
  <si>
    <t>Nos héros se sont levés de mauvais poil. Ils se disputent. C’est alors qu’ils découvrent « l’emblème des 5 amis », une vieille pierre sur laquelle sont gravées les 5 tribus fondatrices de Crétacia : ankylosaure, tricératops, parasaurolophus, brachiosaure et… une 5e qu’ils n’arrivent pas à discerner ! / Archie tire Tiny d’un mauvais pas, et elle se sent obligée de lui rendre service en retour. Archie n'a rien demandé! Mais elle ne lâche pas l’affaire, sentant que sa dette n’est jamais assez remboursée. Le problème, c’est qu’en voulant bien faire, Tiny ne fait qu’empirer les choses pour Archie !</t>
  </si>
  <si>
    <t>FR65952-HDTX</t>
  </si>
  <si>
    <t>07:30:00</t>
  </si>
  <si>
    <t>T.O.T.S.</t>
  </si>
  <si>
    <t>Le temple du tigre / Un anniversaire fantas-cadeau-tique</t>
  </si>
  <si>
    <t>Freddy et Pipou font de leur mieux pour empêcher le prince tigre de se salir. Freddy essaye de trouver le cadeau d'anniversaire parfait pour un bébé qui vient d'arriver.</t>
  </si>
  <si>
    <t>FR72086-HDTX</t>
  </si>
  <si>
    <t>08:00:00</t>
  </si>
  <si>
    <t>BLUEY</t>
  </si>
  <si>
    <t>Bluey S1 Ep 36</t>
  </si>
  <si>
    <t>Réalisateur: Richard Jeffery, Réalisateur: Joe BrummRéalisateur: Richard Jeffery, Réalisateur: Joe Brumm</t>
  </si>
  <si>
    <t>Bluey est une petite chienne bouvier australien âgée de six ans et elle est inépuisable. Elle adore jouer et transforme la vie de famille en une aventure quotidienne en y mettant toute son imagination, son intelligence et sa ténacité physique et mentale.</t>
  </si>
  <si>
    <t>Australie</t>
  </si>
  <si>
    <t>FR79408-HDTX</t>
  </si>
  <si>
    <t>08:10:00</t>
  </si>
  <si>
    <t>Bluey S1 Ep 20</t>
  </si>
  <si>
    <t>20</t>
  </si>
  <si>
    <t>Réalisateur: Joe Brumm, Réalisateur: Richard JefferyRéalisateur: Richard Jeffery, Réalisateur: Joe Brumm</t>
  </si>
  <si>
    <t>6min</t>
  </si>
  <si>
    <t>FR79391-HDTX</t>
  </si>
  <si>
    <t>08:20:00</t>
  </si>
  <si>
    <t>Bluey S1 Ep 29</t>
  </si>
  <si>
    <t>FR79400-HDTX</t>
  </si>
  <si>
    <t>08:30:00</t>
  </si>
  <si>
    <t>Bluey S1 Ep 30</t>
  </si>
  <si>
    <t>FR79402-HDTX</t>
  </si>
  <si>
    <t>08:40:00</t>
  </si>
  <si>
    <t>Le Xylophone Magique</t>
  </si>
  <si>
    <t>Bluey et Bingo retrouvent un xylophone magique qui a le pouvoir de pétrifier les gens. Elles s'en servent aux dépens de Papa, le figeant dans des positions drôles mais peu flatteuses. Bluey, grisée par ce pouvoir, ne veut pas prêter le xylophone à Bingo malgré les injonctions de Maman. Papa, profitant du conflit entre ses filles, réussit à s'emparer du xylophone et paralyse Bluey dont le seul espoir de libération dépend de Bingo. Les fillettes finissent par s'entendre et collaborent pour récupérer le xylophone magique au grand dam de Papa qui se retrouve à leur merci.</t>
  </si>
  <si>
    <t>FR79379-HDTX</t>
  </si>
  <si>
    <t>Bluey S1 Ep 10</t>
  </si>
  <si>
    <t>FR79380-HDTX</t>
  </si>
  <si>
    <t>09:00:00</t>
  </si>
  <si>
    <t>LES AVENTURES DE MICKEY ET SES AMIS</t>
  </si>
  <si>
    <t>Une journée méli-mélo ! / La princesse Clarabelle !</t>
  </si>
  <si>
    <t>Le gagnant d'un concours gagne une journée méli-mélo ! Clarabelle trouve un sceptre et tous les habitants de Royalandia pense qu'elle est leur nouvelle princesse.</t>
  </si>
  <si>
    <t>FR82276-HDTX</t>
  </si>
  <si>
    <t>09:30:00</t>
  </si>
  <si>
    <t>Mickey Mouse Mixed-Up Adventures</t>
  </si>
  <si>
    <t>Hot-dog! Mélangez-vous avec Mickey et tous ses amis dans sa nouvelle maison à Hot Dog Hills. Mickey, Donald, Dingo, Minnie, Daisy, Pluton et Chip 'n Dale ont de nouvelles surprises en magasin!</t>
  </si>
  <si>
    <t>FR82280-HDTX</t>
  </si>
  <si>
    <t>10:00:00</t>
  </si>
  <si>
    <t>ROCKETEER</t>
  </si>
  <si>
    <t>La maison hantée / Le cambriolage d'Halloween</t>
  </si>
  <si>
    <t>Kit se sert d'une maison hantée pour faire fuir Orsino alors qu'il tentait de voler le rocket-pack ! Kit regroupe des vaches qui se ruaient en ville, utilisées comme diversion pour un cambriolage d'Halloween !</t>
  </si>
  <si>
    <t>FR79566-HDTX</t>
  </si>
  <si>
    <t>10:30:00</t>
  </si>
  <si>
    <t>L'esprit de la Saint Valentin / Jeu de carapace</t>
  </si>
  <si>
    <t>Freddy et Pipou se dépêchent d'apporter des cœurs de Saint Valentin à tous les bébés qu'ils ont livrés, en espérant être à l'heure à la fête. Freddy, Pipou et KC doivent faire sortir une tortue très timide de sa carapace.</t>
  </si>
  <si>
    <t>FR72087-HDTX</t>
  </si>
  <si>
    <t>11:00:00</t>
  </si>
  <si>
    <t>LA GARDE DU ROI LION: L'OMBRE DE SCAR</t>
  </si>
  <si>
    <t>Réalisateur: Tom Derosier</t>
  </si>
  <si>
    <t>La Garde rencontre Makini, la nouvelle apprentie de Rafiki. Pendant ce temps, Ushari et les hyènes s'allient pour demander conseil à l'être le plus malveillant de la Terre des Lions : Scar.</t>
  </si>
  <si>
    <t>49min</t>
  </si>
  <si>
    <t>FR36435-HDTX</t>
  </si>
  <si>
    <t>12:00:00</t>
  </si>
  <si>
    <t>Livraison sous surveillance / L'oiseau chanteur</t>
  </si>
  <si>
    <t>Pipou et Freddy doivent impressionner le Capitaine Becman lorsqu'elle les accompagne pour une livraison. Quand Mimi, l'oiseau-moqueur, se met à chanter une berceuse tout le monde s'endort chez T.O.T.S.</t>
  </si>
  <si>
    <t>FR72097-HDTX</t>
  </si>
  <si>
    <t>12:30:00</t>
  </si>
  <si>
    <t>Le livreur le plus rapide / Meilleurs amis pour la vie</t>
  </si>
  <si>
    <t>Pipou et Freddy expliquent à Ava qu'une livraison réussie n'est pas qu'une question de vitesse. Mia et son amie Chloé n'arrivent pas à se quitter. Les livreurs débutants leur montrent comment garder le contact !</t>
  </si>
  <si>
    <t>FR72099-HDTX</t>
  </si>
  <si>
    <t>La chasse au dernier œuf Pâques / Le rongeur inarrêtable</t>
  </si>
  <si>
    <t>Pipou et Freddy sont censés livrer un œuf mais il s'est mélangé aux œuf de pâques pendant la chasse aux œufs annuelle ! Bernice, le bébé castor est entrain de détruire les locaux de T.O.T.S. à force de tout ronger.</t>
  </si>
  <si>
    <t>FR72098-HDTX</t>
  </si>
  <si>
    <t>T.O.T.S. S1 Ep 19</t>
  </si>
  <si>
    <t>Pipou le pingouin et Freddy le flamant rose sont livreurs débutants chez T.O.T.S, les Transports par Oiseaux de Tout-petitS, où ils sont chargés de livrés d'adorables bébés animaux à leurs parents.</t>
  </si>
  <si>
    <t>FR72094-HDTX</t>
  </si>
  <si>
    <t>Un chaton polisson/Une livraison de poids</t>
  </si>
  <si>
    <t>Lors de leur premier jour, Pipou et Freddy livrent un chaton qui les prend pour ses parents. Lorsqu'une baleine de près de deux tonnes et prête à être livrée, les livreurs s'affrontent dans une épreuve de vol afin de déterminer qui sera capable d'effectuer cette livraison.</t>
  </si>
  <si>
    <t>FR72084-HDTX</t>
  </si>
  <si>
    <t>14:30:00</t>
  </si>
  <si>
    <t>Un adorable panda/ Une odeur problématique</t>
  </si>
  <si>
    <t>Pipou et Freddy doivent livrer un bébé panda tellement mignon qu'il est très difficile pour eux de lui dire "au revoir". La situation se complique pour nos livreurs débutants quand ils doivent livrer un bébé moufette qui ne sent pas très bon.</t>
  </si>
  <si>
    <t>FR72095-HDTX</t>
  </si>
  <si>
    <t>VAMPIRINA</t>
  </si>
  <si>
    <t>La randonnée des Louvettes / Monstres et humains</t>
  </si>
  <si>
    <t>Vampirina, Poppy et Bridget partent faire de la randonnée et camper avec les Louvettes de Pennsylvanie. Vampirina espère gagner son badge de randonnée sans avoir recours à la magie. / Une ancienne amie de Vampirina qui habite toujours en Transylvanie, Frankie, vient lui rendre visite et tourner un reportage pour la télévision transylvanienne.</t>
  </si>
  <si>
    <t>FR64474-HDTX</t>
  </si>
  <si>
    <t>Croque Mission / Vidéos à gogo</t>
  </si>
  <si>
    <t>Giovanni Péroné participe à une émission de cuisine pour les humains. / Vampirina et ses amies réalisent de nouvelles vidéos pour Le Bizarroïde qui vont faire le buzz sur internet.</t>
  </si>
  <si>
    <t>FR64475-HDTX</t>
  </si>
  <si>
    <t>16:00:00</t>
  </si>
  <si>
    <t>La Pince</t>
  </si>
  <si>
    <t>Bluey et Bingo n'ayant pu attraper des lots de la machine à Pince Magique, Papa et Maman créent leur propre version à la maison. Mais avec Papa, il n'est pas facile de gagner !</t>
  </si>
  <si>
    <t>FR79389-HDTX</t>
  </si>
  <si>
    <t>Taxi</t>
  </si>
  <si>
    <t>Il pleut et Bluey joue au taxi à l'intérieur. Son premier client (Papa) est un homme d'affaires pressé qui veut aller à l'aéroport sans tarder. Bingo lui promet d'y arriver sans retard mais prend en charge un second passager, une dame fortunée (Bingo) et sa fille Millicent (Floppy). Pendant que SATVAV (Maman) les balade de rond-point en rond-point Millicent vomit partout et le taxi tombe en panne. Papa décide de se rendre à pied à l'aéroport. Il arrive juste à temps pour embarquer et découvre que la dame du taxi est aussi passagère et que le pilote n'est autre que Bluey !</t>
  </si>
  <si>
    <t>FR79396-HDTX</t>
  </si>
  <si>
    <t>16:20:00</t>
  </si>
  <si>
    <t>La Plage</t>
  </si>
  <si>
    <t>A la plage, Maman part se promener au bord de l'eau, et Bluey tente de la rattraper. En chemin, elle fait toute une série de rencontres qui la stimulent et la mettent à l'épreuve dans cette toute première aventure en solitaire.</t>
  </si>
  <si>
    <t>FR79397-HDTX</t>
  </si>
  <si>
    <t>16:30:00</t>
  </si>
  <si>
    <t>17:00:00</t>
  </si>
  <si>
    <t>La course de la Grande Pente / La classe des héros</t>
  </si>
  <si>
    <t>Kit et Tesh prévoient de participer au Derby de la Grande Pente de Hughesville, mais un jeune inventeur a un plan diabolique pour gagner ! La classe de Kit fait un voyage à bord d’un avion automatique sans pilote.</t>
  </si>
  <si>
    <t>FR79569-HDTX</t>
  </si>
  <si>
    <t>17:30:00</t>
  </si>
  <si>
    <t>PYJAMASQUES: LES HÉROS DU CIEL</t>
  </si>
  <si>
    <t>Dans la journée, trois enfants de 6 ans, Sacha, Amaya et Greg sont voisins, camarades de classe et amis. Dans la nuit, ils se transforment en Yoyo, Bibou et Gluglu, les Pyjamasques.</t>
  </si>
  <si>
    <t>FR87785-HDTX</t>
  </si>
  <si>
    <t>18:30:00</t>
  </si>
  <si>
    <t>LA GARDE DU ROI LION</t>
  </si>
  <si>
    <t>La piqûre du scorpion</t>
  </si>
  <si>
    <t>Un scorpion envoyé par Scar a piqué Simba. La Garde du Roi Lion doit affronter tous les méchants de la Terre Interdite pour trouver de quoi guérir le roi !</t>
  </si>
  <si>
    <t>FR34175-HDTX</t>
  </si>
  <si>
    <t>PRINCESSE SOFIA</t>
  </si>
  <si>
    <t>Les perles de Merroway</t>
  </si>
  <si>
    <t>Réalisateur: Larry Leichiter, Réalisateur: Jamie MitchellRéalisateur: Jamie Mitchell</t>
  </si>
  <si>
    <t>Flouk, un garçon sirène est prêt à tout pour distraire ses amis. Quitte à se retrouver piégé avec Sofia dans la grotte d'un mantacorne en colère.</t>
  </si>
  <si>
    <t>FR30954-HDTX</t>
  </si>
  <si>
    <t>Dans la peau de Clovis</t>
  </si>
  <si>
    <t>Réalisateur: Jamie Mitchell</t>
  </si>
  <si>
    <t>Sofia cède aux pressions de ses camarades et transgresse le règlement en acceptant d'emmener Clovis son animal de compagnie à l'école.</t>
  </si>
  <si>
    <t>FR30626-HDTX</t>
  </si>
  <si>
    <t>Gluglu et le Contrario-Laser/Les Pyjamasques contre la bande des méchants</t>
  </si>
  <si>
    <t>Grâce à sa nouvelle invention, Roméo transforme Yoyo et Bibou en super-méchants, pour les mettre à son service. Seul Gluglu échappe au redoutable rayon – mais il lui faudra ruser pour renverser la situation… / Les Pyjamasques accusent Tatouro’Tom d'avoir voler la Méga Pierre de Lune et refusent de croire que c'était pour empêcher Sorceline de la voler. Mais il se trouve que Sorceline, Ninjaka et Roméo ont uni leurs forces pour parvenir à leurs fins grâce à la fameuse Méga Pierre de Lune. Les Pyjamasques se retrouvent bien seuls, face à cette équipe renforcée...</t>
  </si>
  <si>
    <t>FR43093-HDTX</t>
  </si>
  <si>
    <t>20:30:00</t>
  </si>
  <si>
    <t>Les Pyjamasques fêtent Halloween: P1/Les Pyjamasques fêtent Halloween: P2</t>
  </si>
  <si>
    <t>Le soir d’Halloween, Ninjaka, Sorceline et les Farfeloups jouent des tours aux enfants pour leur prendre leurs sacs de bonbons ! Les Pyjamasques font tout pour les en empêcher, tout en prenant garde à ce que leurs camarades de classe ne les reconnaissent pas... / Les Pyjamasques essaient d’empêcher les méchants de voler les friandises d’Halloween des autres enfants. Mais comme ils agissent discrètement, Cameron, déguisé en héros intergalactique, croit que c’est lui qui accomplit tous leurs actes de bravoure et que ce sont les Pyjamasques les voleurs !</t>
  </si>
  <si>
    <t>FR43094-HDTX</t>
  </si>
  <si>
    <t>Yoyo et le rayon lunaire Partie 1 / Yoyo et le rayon lunaire Partie 2</t>
  </si>
  <si>
    <t>Sorceline récupère le cristal de lune confisqué par les Pyjamasques en S2 et l'emporte sur la Lune pour charger sa forteresse et grâce au Méga Aimant-Lune peupler son "royaume" de loyaux sujets et de jolies choses. Les Pyjamasques décident alors de la pousuivre avec Spatiototem. Mais Sorceline arrive la première et commence à attirer des éléments de la ville vers la Lune grâce au rayon du Méga Aimant Lune. Alors que Gluglu et Bibou s'envolent vers l'espace, Yoyo reste derrière pour protéger la ville. Mais Glulgu et Bibou sont capturés et Yoyo prend une décision audacieuse pour aider ses amis.</t>
  </si>
  <si>
    <t>FR68517-HDTX</t>
  </si>
  <si>
    <t>L'épreuve du Tricératops ! / Tremblement de pierres</t>
  </si>
  <si>
    <t>Troy annonce à Tiny, sa petite sœur, qu’elle va passer l’Epreuve du Tricératops : prouver qu’elle est capable de déraciner et lancer un arbre, de déstabiliser un autre tricératops avec ses cornes, et de marteler le sol si fort qu’elle en fait trembler la jungle. Tiny est pleine de bonne volonté, mais elle ne peut pas s’empêcher de tout faire à sa sauce. / Quand Rocky se blesse en tentant de battre un record, il refuse l’aide de ses amis. Quand un tremblement de pierre se déclenche, il se précipite vers sa source pour y mettre fin, au mépris de son pied endolori.</t>
  </si>
  <si>
    <t>FR65958-HDTX</t>
  </si>
  <si>
    <t>Air Archie / L'imitateur</t>
  </si>
  <si>
    <t>Archie l’archéoptéryx ne sait pas voler. Il aimerait tant ! Il demande à Mazu de l’aider et elle accepte. Bricolages à base d’ailes en nénuphars géants, musculation… Archie passe par toutes les possibilités pour améliorer ses ailes et son vol. Rien n’y fait ! / Rocky est le fan n°1 de Giganto. Il l’observe pour essayer d’être comme lui. Mais quand Marshall, le jeune stégosaure, se met à suivre Rocky partout pour faire comme lui, ça énerve Rocky. Il ne se rend pas compte que Marshall l’admire, comme Rocky admire Giganto !</t>
  </si>
  <si>
    <t>FR65959-HDTX</t>
  </si>
  <si>
    <t>22:30:00</t>
  </si>
  <si>
    <t>Le plus grand des héros / Un éclair de génie</t>
  </si>
  <si>
    <t>Rocky est jaloux : Tiny a sauvé leur repaire d’un gros rocher roulant, et maintenant c’est l’héroïne de la jungle ! Il n’arrive pas à trouver quelqu’un dont être le héros, quelqu’un qui lui confierait une noble tâche ou juste une petite tâche à effectuer pour aider. / Le jour des grands vents, Mazu arrive toujours la dernière pour déguster les noix qui tombent des noyers géants. Par contre, elle en a dans le crâne, et elle travaille sur plusieurs systèmes pour aller plus vite : échasses, ressorts, coaching de ses amis. Mais rien n’y fait. Elle va encore être la dernière,</t>
  </si>
  <si>
    <t>FR65960-HDTX</t>
  </si>
  <si>
    <t>Interdiction de cueillir les fleurs / Sans blague !</t>
  </si>
  <si>
    <t>Bill goûte à une fleur du marais : c’est siiiiiiii bon ! Mazu le met en garde : il ne faut pas en manger plus, car sinon cela dérangerait l’écosystème. Mais Bill n’écoute pas. Il y a plein de fleurs !! En prendre un peu plus (et un peu plus, et un peu plus) ne devrait pas être un problème… si ? / Tiny se sent un peu négligée par ses amis qui n’écoutent plus ses blagues. Dilo par contre, est toujours prêt à rire de tout. Avec lui, Tiny décide de se rendre au sommet du Mont de l’Oubli pour y raconter la meilleure blague du monde à tout Crétacia !</t>
  </si>
  <si>
    <t>FR65961-HDTX</t>
  </si>
  <si>
    <t>23:30:00</t>
  </si>
  <si>
    <t>Gluglu et les algues fluorescentes/Bibou et le télescope</t>
  </si>
  <si>
    <t>Roméo a découvert des algues au pouvoir extraordinaire, dont il compte bien se servir pour conquérir le monde. Yoyo et Bibou sont rapidement capturés par ces algues et Gluglu doit combattre Roméo tout seul. Mais Gluglu aura-t-il suffisament confiance en lui ? / Après avoir récupéré le télescope que Sorceline venait de voler au musée, Bibou fait tomber l’instrument, qui se casse. N’osant pas avouer sa bêtise à Yoyo et Gluglu, elle les laisse croire que c’est Sorceline la coupable. Mais ce mensonge va beaucoup compliquer la mission des Pyjamasques.</t>
  </si>
  <si>
    <t>FR43087-HDTX</t>
  </si>
  <si>
    <t>LES NUITS DE Disney Junior France</t>
  </si>
  <si>
    <t>Bibou et le train Supertonique / Yoyo et les nuages</t>
  </si>
  <si>
    <t>Réalisateur: Merle-Anne Ridley, Réalisateur: Christian De VitaRéalisateur: Merle-Anne Ridley</t>
  </si>
  <si>
    <t>Le train supersonique de la fête foraine a disparu ! Les Pyjamasques enquêtent et découvrent que c'est Roméo qui l'a volé. Bibou va devoir apprendre à se montrer patiente afin qu'elle et ses co-équipiers parviennent à mener leur mission à bien. / Alors qu'il fait beau et que les enfants jouent sous les jets d'eau, l'eau s'arrête soudainement de couler et de mystérieux nuages sortent des tuyaux d'arrosage, obligeant les enfants à arrêter leur jeu. Les Pyjamasques vont devoir affronter Sorceline, et Yoyo sa peur de l'eau pour que les choses rentrent dans l'ordre.</t>
  </si>
  <si>
    <t>Computer-Animation</t>
  </si>
  <si>
    <t>FR30353-HDTX</t>
  </si>
  <si>
    <t>Dingo le preux chevalier</t>
  </si>
  <si>
    <t>Mickey, Dingo et Pluto partent à la recherche de la source d'eau pétillante pour rapporter de « l'eau qui pique » à Willie le géant, et ce afin de lui faire passer ses maux de ventre.</t>
  </si>
  <si>
    <t>FR31274-HDTX</t>
  </si>
  <si>
    <t>Bibou et l'Attaque Eclair / Yoyo et le Bulldo-Sauteur</t>
  </si>
  <si>
    <t>Réalisateur: Christian De Vita, Réalisateur: Merle-Anne RidleyRéalisateur: Merle-Anne Ridley</t>
  </si>
  <si>
    <t>Il est arrivé quelque chose d'étrange à la bibliothèque : les livres ne sont plus remplis d'histoires mais de photos de Roméo.Les Pyjamasques vont tout faire pour déjouer le plan de ce dernier... / Le musée vient de réouvrir après des travaux. Il y a une nouvelle salle d'exposition dédiée aux sciences. Mais le mur de cette salle est déjà fissuré. Les enfants se doutent bien que c'est Roméo qui est derrière tout ça. Ce dernier veut en effet voler le propulseur qui est exposé et s'en servir pour devenir le maître du monde...</t>
  </si>
  <si>
    <t>FR30354-HDTX</t>
  </si>
  <si>
    <t>Donald, chasseur de sable</t>
  </si>
  <si>
    <t>Nos amis se déplacent jusque dans le désert afin de chercher du sable pour remplir leur bac à sable. Sur place, il y trouvent un génie de la lampe, qui est prêt à leur exaucer un vœu.</t>
  </si>
  <si>
    <t>FR31275-HDTX</t>
  </si>
  <si>
    <t>Coco Bill / Frères et Soeurs</t>
  </si>
  <si>
    <t>Bill surprend Rugo à chiper toutes les noix de coco du coin. Elle n’en laisse à personne ! Bill se met donc en quête du plus de noix de coco possible pour se faire une réserve géante, avant que Rugo n’ait tout pris. Ses amis s’étonnent, mais Bill n'écoute pas... / Tiny entend un drôle de bruit, très joli… Et surprend Totor, qui souffle dans un roseau ! Le jeune raptor n’a même pas conscience de faire de la musique. Mais Cror n’est pas contente : les raptors rugissent, ils ne font pas de la musique !</t>
  </si>
  <si>
    <t>FR65953-HDTX</t>
  </si>
  <si>
    <t>Bluey S1 Ep 18</t>
  </si>
  <si>
    <t>FR79388-HDTX</t>
  </si>
  <si>
    <t>Le Week-end / Le Barbecue / La Chauve-souris Frugivore</t>
  </si>
  <si>
    <t>Bingo s'énerve lorsque son père ne remarque pas la sauterelle qui marche dans le jardin. Bingo prépare la meilleure salade au monde. Bluey rêve d'être une chauve-souris frugivore nocturne.</t>
  </si>
  <si>
    <t>FR79390-HDTX</t>
  </si>
  <si>
    <t>La Piscine</t>
  </si>
  <si>
    <t>En préparant leurs affaires pour aller à la psicine, Bluey et Papa se moquent de Maman car ils la trouvent excessive dans son organisation. Mais en arrivant à la piscine, ils réalisent qu'elle avait raison, puisqu'ils ont oublié beaucoup d'objets importants.</t>
  </si>
  <si>
    <t>FR83647-HDTX</t>
  </si>
  <si>
    <t>Bluey S1 Ep 24</t>
  </si>
  <si>
    <t>FR79395-HDTX</t>
  </si>
  <si>
    <t>Le jour de la Licorne ! / Les Bénévoles à cheval !</t>
  </si>
  <si>
    <t>Une licorne a été aperçue à Hot-Dog Ville ! Minnie et Daisy adorent les chevaux. Mais sont-elles assez expertes pour donner des cours d'équitation ?</t>
  </si>
  <si>
    <t>FR82277-HDTX</t>
  </si>
  <si>
    <t>Un mariage à l'indienne ! / Les Bénévoles à Bollywood !</t>
  </si>
  <si>
    <t>Tous nos amis sont à New Delhi pour un mariage et Mickey et Minnie se voient confier deux objets importants pour la cérémonie. Les Bénévoles aident un ami qui possède une société de tuk-tuks.</t>
  </si>
  <si>
    <t>FR82281-HDTX</t>
  </si>
  <si>
    <t>La recette du désastre / Le gang de la forêt</t>
  </si>
  <si>
    <t>Un chef sournois vole le cahier de recettes de Kit et Sareena quand celles-ci refusent de dévoiler l’’ingrédient secret d’une délicieuse spécialité familiale ! Kit enquête sur une série de vols incroyables à travers Hughesville !</t>
  </si>
  <si>
    <t>FR79565-HDTX</t>
  </si>
  <si>
    <t>DOCTEUR LA PELUCHE</t>
  </si>
  <si>
    <t>La coupe La Peluche / Le camion chatouilleux</t>
  </si>
  <si>
    <t>85</t>
  </si>
  <si>
    <t>Réalisateur: Dan Nosella, Réalisateur: Shane Collins, Réalisateur: Chris NeeRéalisateur: Chris Nee</t>
  </si>
  <si>
    <t>C'est le jour du grand derby dans le jardin et tous les jouets sont rassemblés / Après avoir aidé les dragons à envahir le Fort Coussins La Peluche, Lenny ne peut plus s'arrêter de rire.</t>
  </si>
  <si>
    <t>FR31117-HDTX</t>
  </si>
  <si>
    <t>Daisy fait du ski nautique/L'examen de karaté</t>
  </si>
  <si>
    <t>86</t>
  </si>
  <si>
    <t>Réalisateur: Richard Keane, Réalisateur: Dan Nosella, Réalisateur: Chris NeeRéalisateur: Chris Nee</t>
  </si>
  <si>
    <t>Un jour de congé, Doc et sa famille vont au lac ! Ayant découvert qu'Hallie est ceinture noire de karaté, les Kangourous Karatékas ont hâte d'apprendre ses prises de karaté.</t>
  </si>
  <si>
    <t>FR31120-HDTX</t>
  </si>
  <si>
    <t>Juliette la ponette / Une nuit agitée</t>
  </si>
  <si>
    <t>87</t>
  </si>
  <si>
    <t>Réalisateur: Dan Nosella, Réalisateur: Chris Nee, Réalisateur: Jean HerlihyRéalisateur: Chris Nee</t>
  </si>
  <si>
    <t>Comme Juliette la ponette se prend les sabots dans sa longue crinière, les jouets lui conseillent de la couper un peu. La nuit précédant le passage au tableau de Doc, Toufy empêche tout le monde de dormir.</t>
  </si>
  <si>
    <t>FR31123-HDTX</t>
  </si>
  <si>
    <t>Bébé La Peluche / Chocotte fait un don</t>
  </si>
  <si>
    <t>88</t>
  </si>
  <si>
    <t>Réalisateur: Brónagh O'Hanlon, Réalisateur: Dan Nosella, Réalisateur: Chris NeeRéalisateur: Chris Nee</t>
  </si>
  <si>
    <t>Le papa et la maman La Peluche ont une surprise : un nouveau membre pour le clan La Peluche ! Charlie s'étant blessé, il a besoin d'un nouveau rembourrage !</t>
  </si>
  <si>
    <t>FR31125-HDTX</t>
  </si>
  <si>
    <t>La fugue des délaissés / Tous à bicyclette</t>
  </si>
  <si>
    <t>89</t>
  </si>
  <si>
    <t>Réalisateur: Damien O'Connor, Réalisateur: Chris Nee, Réalisateur: Dan NosellaRéalisateur: Chris Nee</t>
  </si>
  <si>
    <t>La famille se prépare à l'arrivée du bébé et Donny a peur que ses parents l'oublient. Doc et son père participent à un rallye à vélo dans la ville et Doc reçoit un nouveau jouet en récompense, Stella !</t>
  </si>
  <si>
    <t>FR31126-HDTX</t>
  </si>
  <si>
    <t>La mission de Lulu / Un remède royal</t>
  </si>
  <si>
    <t>90</t>
  </si>
  <si>
    <t>Réalisateur: Chris Nee, Réalisateur: Dan Nosella, Réalisateur: Jean HerlihyRéalisateur: Chris Nee</t>
  </si>
  <si>
    <t>Hallie, l'infirmière, organise une fête en l'honneur du bébé. / En voulant voler la couronne de la Reine Lavilaine, le Méchant Roi perd la sienne.</t>
  </si>
  <si>
    <t>FR31127-HDTX</t>
  </si>
  <si>
    <t>Le bébé dragon / La cohabitation</t>
  </si>
  <si>
    <t>Boris et Oxana sont partis pour le week-end et c'est Mamie Goule qui garde Vampirina. La famille reçoit la visite de Fumy, la petite dragone qui avait éclos chez eux. / La maison des Hantley est infestée de charmeurs, des petits insectes magiques.</t>
  </si>
  <si>
    <t>FR64476-HDTX</t>
  </si>
  <si>
    <t>Les Bouh Boys sont de retour / Un problème de taille</t>
  </si>
  <si>
    <t>Les Monstrueuses et Pat Le Poltergeist jouent au Festival de Pop Paranormale. / Une famille de fées vient à l’auberge.</t>
  </si>
  <si>
    <t>FR64477-HDTX</t>
  </si>
  <si>
    <t>Bluey S1 Ep 31</t>
  </si>
  <si>
    <t>FR79403-HDTX</t>
  </si>
  <si>
    <t>Bluey S1 Ep 28</t>
  </si>
  <si>
    <t>FR79399-HDTX</t>
  </si>
  <si>
    <t>Le Trampoline</t>
  </si>
  <si>
    <t>Papa est un champion du trampoline mais quand il doit aller travailler, Bluey et Bingo veulent qu'il continue à jouer avec elles et refusent de le laisser partir. Elle l'obligent à se restaurer et inventent un jeu "petit-déjeuner". Il doit manger des toasts, des œufs et doit aussi avaler un horrible smoothie. Mais, les meilleures choses ont une fin et Papa, avant de partir, confie le soin à une Bluey au bord des larmes d'inventer ses propres jeux.</t>
  </si>
  <si>
    <t>FR79405-HDTX</t>
  </si>
  <si>
    <t>La Sagesse de Kongwe</t>
  </si>
  <si>
    <t>Fuli et Makini doivent escorter jusqu'au Rocher des Lions un des animaux les plus sages de la Terre des Lions, une tortue appelée Kongwe, afin qu'elle puisse rencontrer le Roi.</t>
  </si>
  <si>
    <t>FR34171-HDTX</t>
  </si>
  <si>
    <t>Le retour des farfadets</t>
  </si>
  <si>
    <t>Réalisateur: Jamie Mitchell, Réalisateur: Larry LeichiterRéalisateur: Jamie Mitchell</t>
  </si>
  <si>
    <t>La princesse Viviane est dans tous ses états, elle doit déménager. Elle engage les amis farfadets de Sofia pour faire croire que le nouveau château est hanté.</t>
  </si>
  <si>
    <t>FR30955-HDTX</t>
  </si>
  <si>
    <t>La clé d'Emeraude</t>
  </si>
  <si>
    <t>40</t>
  </si>
  <si>
    <t>Sofia découvre une clé d’émeraude. Deux jeunes filles arrivent alors au château et prétendent être la princesse propriétaire de la clé. Sofia et la famille royale doivent tenter de deviner qui dit la vérité.</t>
  </si>
  <si>
    <t>FR30627-HDTX</t>
  </si>
  <si>
    <t>Robette et Tatouro'Tom / Yoyo et la colère de Tatouro'Tom</t>
  </si>
  <si>
    <t>Après que Tatouro'Tom ait rencontré Robette, il pense à tort qu'elle est sa nouvelle meilleure copine. Il se bat avec Roméo pour déterminer qui de Robot ou Robette est le meilleur meilleur copain, tandis que les Pyjamasques font de leur mieux pour sauver la ville des dommages collatéraux./ Encore une fois, Tatouro'Tom perd son sang froid et casse toute la ville. Lles Pyjamasques décident alors de l'emmener dans un voyage zen dans la montagne mystère. Mais Ninjaka a d'autres projets pour le futur héros.</t>
  </si>
  <si>
    <t>FR68518-HDTX</t>
  </si>
  <si>
    <t>Yoyo et le chien-garou / Ninjaka et les Farfezouaves</t>
  </si>
  <si>
    <t>Loune et Tiloup s'enfuient avec un chien du coin - ils pensent que c'est Scarloup, enfin devenu "Tout Garou". Les Pyjamasques doivent récupérer le chien... et découvrir ce qui est arrivé à Scarloup... /Les Farfezouaves - des Ninjazouaves frappés par des étoiles collantes que les Farfeloups ont machés - font de sacrés dégats dans la Montagne Mystère et les Pyjamasques doivent s'allier à Ninjaka pour les arrêter.</t>
  </si>
  <si>
    <t>FR68519-HDTX</t>
  </si>
  <si>
    <t>Pyja-Robot et la Pyja-comète / Bibou et Sorceline contre Roméo</t>
  </si>
  <si>
    <t>PJ Robot persuade les Pyjamasques de se diriger vers une comète - il pense que cela chargera leur Totem transformé en Astrototem d'un nouveau pouvoir. Mais c'est un piège, et s'en échapper réclame encore plus de pouvoirs aux Pyjamasques. /Sorceline taquine Roméo avec ses nouveaux Papinuits surchargés d'énergie de pleine lune. Les Pyjamasques doivent l'arrêter... mais Bibou ne peut s'empêcher de profiter secrètement de ce qui arrive à Roméo....</t>
  </si>
  <si>
    <t>FR68520-HDTX</t>
  </si>
  <si>
    <t>Le grand méchant vert / Le rugissement de Giganto</t>
  </si>
  <si>
    <t>Il s’est passé quelque chose pendant la nuit… Termy a été expulsée du lac et se retrouve, avec les autres poissons, en haut d’un arbre ! La plage est en désordre, et l’eau du lac est chaude. Les habitants de Crétacia sont sans appel : c’est la faute de Giganto ! / Rocky veut rugir comme Giganto : ce serait trop cool et impressionnant ! Mais comment y arriver ? Marshall lui raconte alors « comment Giganto a eu son rugissement » : quand il était petit, Giganto a attrapé le rugissement de quelqu’un d’autre dans une noix de coco, l’a bu, et voilà ! Rocky veut faire pareil...</t>
  </si>
  <si>
    <t>FR79479-HDTX</t>
  </si>
  <si>
    <t>Le défi / Le maître de Giganto</t>
  </si>
  <si>
    <t>Les quatre petits dinos affrontent les raptors au carniball. L’enjeu ? Le terrain de jeu de la Grotte qui Hurle ! Rocky et Tiny sont vraiment bons à carniball, et Mazu ne court pas vite mais elle vise très bien. Mais Bill trouve qu’il est nul ! Et la pression est trop forte ! / Suite à un malentendu, tout le monde est persuadé que Rocky contrôle Giganto. Il lui suffit de dire « Rocky a dit :… » pour que Giganto exécute l’ordre. Bien vite, Rocky se rend compte que c’est du pipeau ; mais il n’ose pas avouer la vérité ! Il aime bien l’attention qu’on lui porte…</t>
  </si>
  <si>
    <t>FR65947-HDTX</t>
  </si>
  <si>
    <t>Suivez le chef / Un artiste est né</t>
  </si>
  <si>
    <t>Il fait très chaud dans la savane, et nos quatre héros essayent d’aider Ayati à se rafraîchir. Mais les idées de Rocky sont catastrophiques. Le problème, c’est que Rocky a du mal à ne pas se poser en « chef » de son petit groupe d’amis. Les autres lui font gentiment comprendre qu’ils ne suivront pas ses idées ! / Tiny aime peindre et dessiner. Son frère Troy aime déraciner des arbres. Et il n’est pas trop à l’aise avec toutes ces choses artistiques. Quand il se blesse en fonçant dans un noyer, il se retrouve hors course. Plus de tacle pour lui, il doit se reposer ! Et ça le rend malheureux...</t>
  </si>
  <si>
    <t>FR65948-HDTX</t>
  </si>
  <si>
    <t>La promesse brisée de Bill / Tiny les pouces verts</t>
  </si>
  <si>
    <t>C’est l’anniversaire de Rocky, et Bill a promis de ne pas révéler son cadeau : un dessin de Giganto fait par Tiny. Mais Bill crache le morceau ! Et par un système de rumeurs compliquées, le cadeau de Rocky se transforme en… « Giganto », tout court ! / Par accident, Tiny a déraciné un petit arbre. Elle décide de prendre soin de lui jusqu’à ce qu’il soit suffisamment grand et fort pour être replanté dehors. En attendant, elle le garde avec elle dans un pot ; elle lui donne à boire, elle l’expose au soleil, lui chante des chansons, lui fait des câlins… Et progressivement, l’arbre grandit !</t>
  </si>
  <si>
    <t>FR65950-HDTX</t>
  </si>
  <si>
    <t>Le Q.G. des Farfeloups/Gluglu et le gentil Farfeloup</t>
  </si>
  <si>
    <t>Les Farfeloups cherchent une nouvelle tanière et le QG des Pyjamasques leur semble être l'endroit idéal. En déguisant leur voix, ils pénètrent dans le QG et réussissent à convaincre Pyja-Robot de les aider. Heureusement, Pyja-Robot est encore très malin ! / Les Farfeloups ont volé de la peinture pour laisser des empreintes colorées partout où ils passent. Cela n’amuse pas Tiloup, qui n’a pas envie de faire des bêtises et préfère peindre de jolies choses avec Gluglu. Quand Loune et Scarloup lui disent qu’un Farfeloup ne peut pas être gentil, il décide de quitter la meute.</t>
  </si>
  <si>
    <t>FR43088-HDTX</t>
  </si>
  <si>
    <t>Les Drôles de Filles</t>
  </si>
  <si>
    <t>Les Drôles de Filles - une équipe de trois agents très spéciaux constituée de Minnie, Daisy et Clarabelle - aident Mickey à retrouver des poussins géants...</t>
  </si>
  <si>
    <t>FR31276-HDTX</t>
  </si>
  <si>
    <t>Joyeux anniversaire, Tourniquet</t>
  </si>
  <si>
    <t>Nos amis organisent un goûter d'anniversaire surprise pour Tourniquet. Ils doivent ainsi se débrouiller pour que leur ami aux maxi outils ne se doute de rien...</t>
  </si>
  <si>
    <t>FR31277-HDTX</t>
  </si>
  <si>
    <t>07:10:00</t>
  </si>
  <si>
    <t>07:20:00</t>
  </si>
  <si>
    <t>Bluey S1 Ep 35</t>
  </si>
  <si>
    <t>FR79407-HDTX</t>
  </si>
  <si>
    <t>Bluey S1 Ep 39</t>
  </si>
  <si>
    <t>FR79411-HDTX</t>
  </si>
  <si>
    <t>Bob Bilby / Le Jeux d'Espion / La Livraison</t>
  </si>
  <si>
    <t>C'est au tour de Bingo de s'occuper de Bob Bilby, l'animal de compagnie de Kindy. Bingo décide d'arrêter de jouer à un jeu et cela sème la zizanie. Quand on doit patienter, cinq minutes peuvent paraître une éternité.</t>
  </si>
  <si>
    <t>FR79412-HDTX</t>
  </si>
  <si>
    <t>Yoyo et la Grande Course des méchants/ Yoyo et les Ninja-pirates</t>
  </si>
  <si>
    <t>Le Chat-bolide a été volé par Roméo et pour le récupérer, Yoyo doit faire une course contre Sorceline, Ninjaka et les Farfeloups. Face à ses rivaux et craignant qu'il ne perde sa précieuse voiture pour toujours, la tentation de tricher devient grande. / Ninjaka vole à nouveau le char des pirates et refait surface sous son surnom de Pirate Ninja, assiégeant les canaux de la ville. L'excès de confiance de Gluglu et Bibou joue en faveur de Ninjaka ; ce n'est que lorsqu'ils incluent Yoyo dans leurs plans et travaillent en équipe qu'ils peuvent réussir.</t>
  </si>
  <si>
    <t>FR68524-HDTX</t>
  </si>
  <si>
    <t>Comme chiens et chats / Un bébé rebondissant</t>
  </si>
  <si>
    <t>Pipou se retrouve coincé dans une caisse avec un bébé kangourou, peut-il l'empêcher de sauter ? Pipou et Freddy tentent d'apprendre à partager à un chien et un chat, pourtant frère et sœur.</t>
  </si>
  <si>
    <t>FR72088-HDTX</t>
  </si>
  <si>
    <t>T.O.T.S. S1 Ep 24</t>
  </si>
  <si>
    <t>FR72100-HDTX</t>
  </si>
  <si>
    <t>T.O.T.S. S1 Ep 18</t>
  </si>
  <si>
    <t>FR72093-HDTX</t>
  </si>
  <si>
    <t>MICKEY ET SES AMIS - TOP DÉPART!</t>
  </si>
  <si>
    <t>Le bolide hanté / La fête d'Halloween de Pat</t>
  </si>
  <si>
    <t>Réalisateur: Broni Likomanov, Réalisateur: Phil WeinsteinRéalisateur: Broni Likomanov, Réalisateur: Phil Weinstein</t>
  </si>
  <si>
    <t>Le soir d'Halloween, Mickey veut faire la course contre le Pilote Fantôme aux commandes de son Bolide Hanté. / Les bénévoles aident Pat à attraper trois fantômes qui menacent de gâcher sa soirée d'Halloween.</t>
  </si>
  <si>
    <t>FR81079-HDTX</t>
  </si>
  <si>
    <t>LE MONDE DE BINGO ET ROLLY</t>
  </si>
  <si>
    <t>Une œuvre pyjartistique/Premiers flocons</t>
  </si>
  <si>
    <t>Réalisateur: Trevor WallRéalisateur: Trevor Wall</t>
  </si>
  <si>
    <t>Les chiots essaient d'exposer un objet de Bob dans un grand musée italien. Bingo et Rolly guettent le premier flocon de neige et aident les animaux à se préparer pour l'hiver.</t>
  </si>
  <si>
    <t>FR36050-HDTX</t>
  </si>
  <si>
    <t>Le chant mystérieux / Jeu de piste</t>
  </si>
  <si>
    <t>Bingo et Rolly aident une orque à retrouver sa maman. / Les chiots reviennent sur leurs pas pour retrouver une chose qu'ils avaient enterrée.</t>
  </si>
  <si>
    <t>FR36051-HDTX</t>
  </si>
  <si>
    <t>11:30:00</t>
  </si>
  <si>
    <t>Yoyo et le bataillon des papillons / Bibou, la championne</t>
  </si>
  <si>
    <t>Sacha aimerait aller voir les lions et les tigres, mais Greg et Amaya l'entraînent malgré lui voir les papillons. Arrivés sur place, ils découvrent que les papillons ont disparu. C'est Sorceline qui les a tous enlevés pour remplacer ses Papi-nuits qui ne lui donnaient plus satisfaction. Les Pyjamasques doivent retrouver Sorceline et ramener les papillons chez eux ! / Les enfants font une partie de basket, mais le sifflet de Cameron disparaît. Les Pyjamasques ne vont pas tarder à découvrir que Sorceline est derrière tout ça!</t>
  </si>
  <si>
    <t>FR30358-HDTX</t>
  </si>
  <si>
    <t>Exprime-toi, Gluglu ! / Yoyo et l'épée de Maître Fang</t>
  </si>
  <si>
    <t>Lorsqu'il doit réciter un poème devant toute sa classe, Greg est très embarrassé et se trompe dans sa récitation. L'instituteur lui propose de retenter l'exercice le lendemain. Mais plus tard dans la journée, une boîte à voix aspire la voix de Greg. Ses compères et lui se lancent à la poursuite de Roméo, l'inventeur de cette terrible boîte à voix. / Sacha est fan de l'émission de Maître Fang, le maître du Kung Fu ! Mais l'épée de ce dernier a disparu ; il ne peut donc plus faire son émission. Sacha est très énervé… Qui a bien pu voler l'épée de Maître Fang ?</t>
  </si>
  <si>
    <t>FR30359-HDTX</t>
  </si>
  <si>
    <t>FANCY NANCY CLANCY</t>
  </si>
  <si>
    <t>Le désastre du concours canin/ L'Affaire de la poupée disparue</t>
  </si>
  <si>
    <t>Réalisateur: Krista TuckerRéalisateur: Krista Tucker</t>
  </si>
  <si>
    <t>Nancy remplace Balzac par un chien aux capacités extraordinaires pour un concours de chien. Quand Mirabelle disparaît, Nancy se fait détective.</t>
  </si>
  <si>
    <t>FR66757-HDTX</t>
  </si>
  <si>
    <t>La danse de l'amitié/ Les nouvelles chaussures</t>
  </si>
  <si>
    <t>Nancy apprend à faire des compromis lorsqu'elle crée un pas-de-deux avec Bree pour leur cours de danse. Nancy trouve les chaussures de ses rêves mais sa famille ne veut pas les acheter.</t>
  </si>
  <si>
    <t>FR62011-HDTX</t>
  </si>
  <si>
    <t>Cache-cache</t>
  </si>
  <si>
    <t>Toute la famille joue à cache-cache. C'est à Bluey de chercher, elle compte jusqu'à vingt mais pourra-t'elle rester concentrée sur le jeu et ne pas se laisser distraire par tous ses jouets ?</t>
  </si>
  <si>
    <t>FR79415-HDTX</t>
  </si>
  <si>
    <t>Bluey S1 Ep 47</t>
  </si>
  <si>
    <t>FR79420-HDTX</t>
  </si>
  <si>
    <t>14:20:00</t>
  </si>
  <si>
    <t>Bluey S1 Ep 49</t>
  </si>
  <si>
    <t>FR79422-HDTX</t>
  </si>
  <si>
    <t>Bluey S1 Ep 50</t>
  </si>
  <si>
    <t>FR79424-HDTX</t>
  </si>
  <si>
    <t>14:40:00</t>
  </si>
  <si>
    <t>Le Docteur / La Griffe / Le Marché</t>
  </si>
  <si>
    <t>La visite de Honey chez le Dr Bingo est sans arrêt interrompu. Maman et papa créent leur propre machine à griffe magique ! Bluey emmène avec elle l'argent que la petite souris lui a donné.</t>
  </si>
  <si>
    <t>FR79427-HDTX</t>
  </si>
  <si>
    <t>Bluey S1 Ep 7</t>
  </si>
  <si>
    <t>FR79428-HDTX</t>
  </si>
  <si>
    <t>Les conseils de Mulan</t>
  </si>
  <si>
    <t>En voyage au Royaume de Wei-ling, Sofia, Ambre et la princesse Jun doivent unir leurs efforts pour secourir leurs pères et leurs frères pris au piège du Tigre de Jade. Mulan viendra les conseiller.</t>
  </si>
  <si>
    <t>FR30624-HDTX</t>
  </si>
  <si>
    <t>15:25:00</t>
  </si>
  <si>
    <t>LES PETITES HISTOIRES DE MICKEY ET SES AMIS</t>
  </si>
  <si>
    <t>Mickey Mouse Hot Diggity-Dog Tales S1</t>
  </si>
  <si>
    <t>Super ! Mickey et Pluto célèbrent leur super amitié en s'amusant à Hot Dog Hills !</t>
  </si>
  <si>
    <t>2min</t>
  </si>
  <si>
    <t>FR87670-HDTX</t>
  </si>
  <si>
    <t>Les Farfeloups volants / Gluglu et les voleurs de lézard</t>
  </si>
  <si>
    <t>Les Farfeloups défient les Pyjamasques en prétendant posséder un nouveau pouvoir, mais ne font pas le poids face aux plumes envoyées par Bibou. Cela donne une idée à Loune : ramasser les plumes de Bibou pour fournir des ailes aux Farfeloups ! Loune a beau trouver son plan génial, elle n’est pas prête à le tester elle-même et préfère envoyer Tiloup et Scarloup en première ligne. / Des squelettes préhistoriques ont été volés au Musée et les Pyjamasques pensent que les Farfeloups tentent de reconstruire le Farfelo-saure, n'écoutant pas Lionel qui sait que Roméo est derrière tout cela.</t>
  </si>
  <si>
    <t>FR43089-HDTX</t>
  </si>
  <si>
    <t>Bluey S1 Ep 34</t>
  </si>
  <si>
    <t>FR79406-HDTX</t>
  </si>
  <si>
    <t>Bluey S1 Ep 51</t>
  </si>
  <si>
    <t>FR79425-HDTX</t>
  </si>
  <si>
    <t>Bluey S1 Ep 27</t>
  </si>
  <si>
    <t>FR79398-HDTX</t>
  </si>
  <si>
    <t>Le retour de Dudley</t>
  </si>
  <si>
    <t>Réalisateur: Mircea Mantta, Réalisateur: Jamie MitchellRéalisateur: Mircea Mantta, Réalisateur: Jamie Mitchell</t>
  </si>
  <si>
    <t>Nancy Clancy, une petite fille de 6 ans, vit des aventures palpitantes et découvre tout ce que le quotidien ordinaire peut avoir d'extraordinaire. Même quand tout ne se passe pas comme prévu, elle sait qu'elle peut rendre n'importe quelle situation fantastique, avec le soutien de ses parents et de ses amis, de son chien Balzac, et de Mirabelle, sa poupée adorée. Nancy découvre aussi qu'il n'y a rien de plus chic que d'écouter son cœur !</t>
  </si>
  <si>
    <t>FR82145-HDTX</t>
  </si>
  <si>
    <t>17:15:00</t>
  </si>
  <si>
    <t>Un goûter mouvementé</t>
  </si>
  <si>
    <t>Après avoir cassé un trésor de famille, Nancy tente de le cacher.</t>
  </si>
  <si>
    <t>12min</t>
  </si>
  <si>
    <t>FR61535-HDTX</t>
  </si>
  <si>
    <t>Oxana prend les rênes de la fête</t>
  </si>
  <si>
    <t>Oxana ajoute sa touche personnelle à la fête de l'école.</t>
  </si>
  <si>
    <t>FR70292-HDTX</t>
  </si>
  <si>
    <t>Arrivederci, Giovanni !</t>
  </si>
  <si>
    <t>Giovanni quitte les Hantley pour travailler à Paris et un monstre se forme dans la cuisine de la famille.</t>
  </si>
  <si>
    <t>FR70291-HDTX</t>
  </si>
  <si>
    <t>18:00:00</t>
  </si>
  <si>
    <t>PJ Masks S4 Splits</t>
  </si>
  <si>
    <t>FR87946-HDTX</t>
  </si>
  <si>
    <t>18:15:00</t>
  </si>
  <si>
    <t>FR87945-HDTX</t>
  </si>
  <si>
    <t>L'Incendie de la Vallée des Éléphants</t>
  </si>
  <si>
    <t>Les sbires de Scar mettent le feu à la Vallée de Kilio, et les éléphants, contraints de trouver un nouveau territoire, sèment le chaos au sein des autres troupeaux.</t>
  </si>
  <si>
    <t>FR34173-HDTX</t>
  </si>
  <si>
    <t>La journée Pères-Filles</t>
  </si>
  <si>
    <t>Réalisateur: Jamie Mitchell, Réalisateur: Mircea ManttaRéalisateur: Jamie Mitchell</t>
  </si>
  <si>
    <t>Sofia participe à une sortie père-fille au zoo. Mais la petite fille se questionne. Le Roi Roland la considère-t-il comme sa vraie fille ?</t>
  </si>
  <si>
    <t>FR30956-HDTX</t>
  </si>
  <si>
    <t>Trois Petites Chèvres / Le Ballet de Câline</t>
  </si>
  <si>
    <t>Réalisateur: Norton Virgien</t>
  </si>
  <si>
    <t>Mack le Fermier emmène ses petites chèvres pour les faire jouer, mais elles ne peuvent s’amuser car leur toison est emmêlée. / Mélinda, la petite sirène, est la danseuse étoile du ballet aquatique de Câline. Mais ayant l’estomac plein d’eau, elle ne parvient pas à danser le final.</t>
  </si>
  <si>
    <t>FR30534-HDTX</t>
  </si>
  <si>
    <t>Bluey S1 Ep 8</t>
  </si>
  <si>
    <t>FR79429-HDTX</t>
  </si>
  <si>
    <t>20:10:00</t>
  </si>
  <si>
    <t>Bluey S1 Ep 9</t>
  </si>
  <si>
    <t>FR79430-HDTX</t>
  </si>
  <si>
    <t>21:15:00</t>
  </si>
  <si>
    <t>21:45:00</t>
  </si>
  <si>
    <t>22:15:00</t>
  </si>
  <si>
    <t>Le rire de Giganto / Dinosia</t>
  </si>
  <si>
    <t>Tiny ne prend jamais rien au sérieux. Mazu prend toujours tout au sérieux. Forcément, parfois, ça accroche. Et quand Giganto a une rage de dents, les deux doivent s’accorder pour lui venir en aide ! / Nos quatre héros en ont marre de Crétacia : Mazu n’a plus rien à découvrir, Rocky n’a plus de challenges, Bill a déjà goûté à tout et tout le monde connaît le répertoire de blagues de Tiny. Ayati leur raconte alors la légende de Dinosia, une terre merveilleuse qui satisfera à tous leurs désirs. « Suivez les étincelles ! » C’est un peu maigre comme indication, mais les 4 dinos se mettent en route.</t>
  </si>
  <si>
    <t>FR65939-HDTX</t>
  </si>
  <si>
    <t>Un ami pour Cléo</t>
  </si>
  <si>
    <t>Minnie veut trouver un ami à Cléo qui se sent seule dans son bocal. Avec l'aide de Mickey et de tous ses amis, ils partent vers la cascade de la Jungle.</t>
  </si>
  <si>
    <t>FR31279-HDTX</t>
  </si>
  <si>
    <t>La Maison de Donald</t>
  </si>
  <si>
    <t>75</t>
  </si>
  <si>
    <t>Réalisateur: Sherie Pollack, Réalisateur: Donovan Cooks, Réalisateur: Rob LaDuca, Interprète: They Might Be GiantsRéalisateur: Rob LaDuca, Réalisateur: Sherie Pollack, Interprète: They Might Be Giants</t>
  </si>
  <si>
    <t>Donald s'approprie la maison de Mickey et y fait le ménage avec Dingo et Pluto.</t>
  </si>
  <si>
    <t>FR31281-HDTX</t>
  </si>
  <si>
    <t>Bluey S1 Ep 11</t>
  </si>
  <si>
    <t>FR79381-HDTX</t>
  </si>
  <si>
    <t>Bluey S1 Ep 12</t>
  </si>
  <si>
    <t>FR79382-HDTX</t>
  </si>
  <si>
    <t>PJ Masks S4</t>
  </si>
  <si>
    <t>81</t>
  </si>
  <si>
    <t>FR84562-HDTX</t>
  </si>
  <si>
    <t>T.O.T.S. S1 Ep 16</t>
  </si>
  <si>
    <t>16</t>
  </si>
  <si>
    <t>FR72091-HDTX</t>
  </si>
  <si>
    <t>T.O.T.S. S1 Ep 25</t>
  </si>
  <si>
    <t>FR72101-HDTX</t>
  </si>
  <si>
    <t>Attention au Zimwi</t>
  </si>
  <si>
    <t>Réalisateur: Howy ParkinsRéalisateur: Howy Parkins</t>
  </si>
  <si>
    <t>Quand une légende à propos d'une créature mystérieuse fait régner la terreur sur la Terre des Lions, la Garde doit surmonter sa peur et trouver cette bête qui leur échappe.</t>
  </si>
  <si>
    <t>FR30346-HDTX</t>
  </si>
  <si>
    <t>À la rescousse de Feuly / La malchance de Bob</t>
  </si>
  <si>
    <t>Bob emmène Feuly à Miaouland. Bingo et Rolly, croyant qu'elle est punie, décident d'aller la secourir./Afin que Bob ait à nouveau de la chance, les chiots vont en Irlande pour trouver un trèfle à quatre feuilles.</t>
  </si>
  <si>
    <t>FR36029-HDTX</t>
  </si>
  <si>
    <t>Aux premières loges / Traitement royal</t>
  </si>
  <si>
    <t>Comme Bob ne peut pas sortir de chez lui pour assister au défilé, les chiots proposent à une famille de canards de défiler devant leur maison. / Bingo et Rolly vont en Angleterre pour savoir comment se comporter avec une Reine.</t>
  </si>
  <si>
    <t>FR36030-HDTX</t>
  </si>
  <si>
    <t>Yoyo à la rescousse du gâteau d'anniversaire / Gluglu et le Ronflo-Saure</t>
  </si>
  <si>
    <t>Greg a hâte de fêter son anniversaire et veut montrer à ses amis la décoration de sa salle. Mais lorsqu'ils arrivent sur place, tout a été saccagé ! Heureusement, les traces de pas des Ninjazouaves les mènent sur la bonne piste : Ninjaka a volé le gâteau d'anniversaire lézard de Greg pour organiser sa propre fête. / Le spectacle de marionnettes de l'école est annulé : les marionnettes ont mystérieusement disparu... Les Papi-nuits mènent les Pyjamasques sur la trace de Sorceline. En partant en mission, ces derniers croisent Cameron, somnambule, dans la rue.</t>
  </si>
  <si>
    <t>FR30361-HDTX</t>
  </si>
  <si>
    <t>Gluglu n'a besoin de personne / Yoyo et le mini Ninjazouave</t>
  </si>
  <si>
    <t>Réalisateur: Merle-Anne Ridley, Réalisateur: Christian De Vita, Réalisateur: Wilson Dos SantosRéalisateur: Merle-Anne Ridley</t>
  </si>
  <si>
    <t>Greg n'a pas envie d'être traité comme le plus petit qu'il faut toujours aider. Cette nuit, pour retrouver le bus scolaire qui a disparu, Gluglu veut affronter Ninjaka seul, et prouver qu'il n'a besoin de personne. / Nos trois héros font la rencontre d'un ninjazouave pas comme les autres : il est tout petit et semble vouloir jouer avec les Pyjamasques... Gluglu et Bibou sont attendris mais Yoyo se méfie car, pour lui, c'est forcément Ninjaka qui envoie ce mini ninjazouave !</t>
  </si>
  <si>
    <t>FR30362-HDTX</t>
  </si>
  <si>
    <t>Yoyo a une place de concert à donner / Gluglu et la disparition de la Reptilo-Mobile</t>
  </si>
  <si>
    <t>Réalisateur: Wilson Dos Santos, Réalisateur: Christian De Vita, Réalisateur: Merle-Anne RidleyRéalisateur: Merle-Anne Ridley</t>
  </si>
  <si>
    <t>Yoyo n'a que deux places pour le spectacle de son chanteur préféré, et doit choisir lequel de ses meilleurs amis l'accompagnera au concert. / Gluglu perd sa Reptilo-Mobile au pire moment : il en aurait bien besoin pour empêcher Roméo de bombarder la ville d'oeufs puants...</t>
  </si>
  <si>
    <t>FR30363-HDTX</t>
  </si>
  <si>
    <t>Camping distingué! / La Coiffeuse de Grand-mère</t>
  </si>
  <si>
    <t>Nancy essaie de faire avec l'orage qui menace le camping de la famille. Quand elle demande la coiffeuse de Grand-mère, Nancy apprend qu'elle est pleine de souvenirs pour Grand-père.</t>
  </si>
  <si>
    <t>FR61988-HDTX</t>
  </si>
  <si>
    <t>Adieu, Madame Meuh/ Nancy Clancy, productrice de génie !</t>
  </si>
  <si>
    <t>Nancy essaie d'empêcher qu'on vende un de ses anciens jouets sans révéler qu'elle tient à ce "jouet de bébé". Nancy produit le premier spectacle comique de Lionel, mais il a trop le trac pour monter sur scène !</t>
  </si>
  <si>
    <t>FR61989-HDTX</t>
  </si>
  <si>
    <t>Les Pirates / La Disparition / Les Voisins</t>
  </si>
  <si>
    <t>Bluey et Bingo jouent aux pirates sur le hamac. Le jouet préféré de Bingo disparaît. Bluey ne sait pas comment gérer ses voisins bruyants.</t>
  </si>
  <si>
    <t>FR79386-HDTX</t>
  </si>
  <si>
    <t>Cédric le sensationnel</t>
  </si>
  <si>
    <t>Sofia se rend dans une maison de retraite magique et aide Cédric à gagner le respect de son père et obtenir la baguette de famille.</t>
  </si>
  <si>
    <t>FR30625-HDTX</t>
  </si>
  <si>
    <t>Les Pyjamasques et le Tatou-héros/Tatouro’Tom et le Turbo-Labo</t>
  </si>
  <si>
    <t>Tatouro'Tom est bien décidé à faire partie de l'équipe des Pyjamasques, mais ses méthodes ne sont pas très subtiles et nos héros regrettent vite de l'avoir accepté dans leur patrouille de nuit. / Les Pyjamasques volent à la rescousse de Tatouro’Tom, qui vient de se faire capturer par Robot. Mais ils arrivent trop tard pour empêcher Roméo de transférer les pouvoirs du tatou à son turbo-labo ! Il leur faudra trouver un autre moyen que la force pour empêcher Roméo de devenir le maître du monde...</t>
  </si>
  <si>
    <t>FR43090-HDTX</t>
  </si>
  <si>
    <t>Bluey S1 Ep 14</t>
  </si>
  <si>
    <t>FR79384-HDTX</t>
  </si>
  <si>
    <t>Bluey S1 Ep 17</t>
  </si>
  <si>
    <t>FR79387-HDTX</t>
  </si>
  <si>
    <t>La Nuit Hantée/Concours d’inventions</t>
  </si>
  <si>
    <t>Vampirina et ses parents invitent leurs amis de Transylvanie pour fêter leur premier Halloween en Pennsylvanie. / Pour un concours d’inventions, Vampirina tente de ramener une fleur à la vie.</t>
  </si>
  <si>
    <t>FR34601-HDTX</t>
  </si>
  <si>
    <t>Fancy Nancy Clancy S2 Ep 28b</t>
  </si>
  <si>
    <t>FR82146-HDTX</t>
  </si>
  <si>
    <t>Les Loup-garettes de Transylvanie.</t>
  </si>
  <si>
    <t>Edgar suit les Louvettes qui partent en vamping avec les Loup-garettes, en Transylvanie. Vampirina et les filles lui révèlent alors l'existence des monstres.</t>
  </si>
  <si>
    <t>FR64496-HDTX</t>
  </si>
  <si>
    <t>FR87947-HDTX</t>
  </si>
  <si>
    <t>Le Camouflage de Kinyonga</t>
  </si>
  <si>
    <t>Kinyonga, un caméléon qui peut changer de couleur, part espionner Scar sur la Terre Interdite pour aider la Garde du Roi Lion.</t>
  </si>
  <si>
    <t>FR34176-HDTX</t>
  </si>
  <si>
    <t>Le manoir de Tante Lily</t>
  </si>
  <si>
    <t>61</t>
  </si>
  <si>
    <t>Réalisateur: Mircea Mantta, Réalisateur: Jamie MitchellRéalisateur: Jamie Mitchell</t>
  </si>
  <si>
    <t>Sofia se retrouve responsable du manoir de Tante Lily et doit se défendre contre un trio de gargouilles.</t>
  </si>
  <si>
    <t>FR30957-HDTX</t>
  </si>
  <si>
    <t>Le nouvel ami de Toufy</t>
  </si>
  <si>
    <t>Réalisateur: Chris NeeRéalisateur: Chris Nee</t>
  </si>
  <si>
    <t>Alors que Doc et les jouets jouent à cache-cache au parc, Toufy rencontre une peluche du nom de Gribulle qui ne cesse de révéler ses cachettes.</t>
  </si>
  <si>
    <t>FR31055-HDTX</t>
  </si>
  <si>
    <t>Mission sauvetage pour Pluto</t>
  </si>
  <si>
    <t>Pluto aide nos amis à retrouver les chatons de Minnie et Dingo. Ceux-ci ont mystérieusement disparu...</t>
  </si>
  <si>
    <t>FR31283-HDTX</t>
  </si>
  <si>
    <t>L'oeuf de Donald</t>
  </si>
  <si>
    <t>Réalisateur: Rob LaDuca, Réalisateur: Donovan Cooks, Réalisateur: Sherie Pollack, Interprète: They Might Be GiantsRéalisateur: Rob LaDuca, Réalisateur: Sherie Pollack, Interprète: They Might Be Giants</t>
  </si>
  <si>
    <t>Alors qu'il collectait des pierres dans la forêt, Dingo a accidentellement ramassé un œuf. Mickey et ses amis vont alors partir à la recherche de sa famille et tenter de découvrir quel animal se cache dans l'œuf.</t>
  </si>
  <si>
    <t>FR31285-HDTX</t>
  </si>
  <si>
    <t>Livraison pour un papa / JP, le livreur débutant</t>
  </si>
  <si>
    <t>FR72096-HDTX</t>
  </si>
  <si>
    <t>LA MAISON DE MICKEY - LE MAGICIEN D'IZZ</t>
  </si>
  <si>
    <t>Réalisateur: Rob LaDuca</t>
  </si>
  <si>
    <t>Alors que Mickey prépare la grande fête de l’amitié, une tornade emmène Minnie et Pluto au Pays d’Izz. Pour rentrer chez eux, ils vont avoir besoin de l’aide du merveilleux magicien d’Izz.</t>
  </si>
  <si>
    <t>2011</t>
  </si>
  <si>
    <t>51min</t>
  </si>
  <si>
    <t>FR31350-HDTX</t>
  </si>
  <si>
    <t>LA MAISON DE MICKEY : MICKEY ET LES MONSTRES EN FÊTE</t>
  </si>
  <si>
    <t>Réalisateur: Phil Weinstein</t>
  </si>
  <si>
    <t>Mickey et Minnie décident de faire un pique-nique, mais un orage les oblige à se réfugier dans le château hanté du Comte Mikula, où ils vont rencontrer de nombreux monstres gentils, amateurs de musique.</t>
  </si>
  <si>
    <t>42min</t>
  </si>
  <si>
    <t>FR32687-HDTX</t>
  </si>
  <si>
    <t>Gluglu et le Laser Spatial / Yoyo le Pataud</t>
  </si>
  <si>
    <t>Roméo conçoit un laser de l'espace afin de graver son visage sur la lune, et les Pyjamasques ainsi que Sorceline essaient de l'en empêcher. / Roméo se sert d'une nouvelle invention pour rendre tout le monde tellement maladroit que personne ne pourra l'empêcher de régner sur la Terre entière. Yoyo est le premier à être frappé par les effets de l'invention.</t>
  </si>
  <si>
    <t>FR30365-HDTX</t>
  </si>
  <si>
    <t>Yoyo, Gluglu et le Robot Dingo / Bibou et l'Animal de Compagnie</t>
  </si>
  <si>
    <t>Roméo a un nouveau robot, baptisé Robette, mais suite à une défaillance mécanique celle-cidécide d'aller conquérir le monde pour en devenir elle-même la maîtresse. Heureusement, Yoyoet Gluglu sont là pour l'arrêter... / Au QG, Bibou trouve un oiseau et décide qu'il fera le parfait animal de compagnie. Mais quand notre héroïne découvre qu'il n'est pas si facile de s'occuper d'un animal, l'oiseau délaissé se laisse alors convaincre par Sorceline de transformer le QG en Aimant-Lune géant.</t>
  </si>
  <si>
    <t>FR30366-HDTX</t>
  </si>
  <si>
    <t>Le Café parfait / Mademoiselle Maman</t>
  </si>
  <si>
    <t>Tout allait bien pour le nouveau restaurant de Nancy et Bree jusqu'à ce que Grace veuille en écrire une critique ! Nancy remplace sa maman enrhumée pour une journée.</t>
  </si>
  <si>
    <t>FR61990-HDTX</t>
  </si>
  <si>
    <t>Le Test de maturité / Deux reines pour le prix d'une</t>
  </si>
  <si>
    <t>Quand la patronne de papa est invitée à dîner à la maison, Nancy veut prouver qu'elle est assez grande pour rester avec les adultes. Nancy est contrariée quand sa serveuse préférée accorde beaucoup d''attention à Jojo.</t>
  </si>
  <si>
    <t>FR61991-HDTX</t>
  </si>
  <si>
    <t>Le vœu d'anniversaire</t>
  </si>
  <si>
    <t>Tizzy accorde un vœu à Sofia et la condamne à revivre indéfiniment un anniversaire désastreux.</t>
  </si>
  <si>
    <t>FR31551-HDTX</t>
  </si>
  <si>
    <t>Bibou et les figurines de Roméo / Les Pyjamasques et le dragon</t>
  </si>
  <si>
    <t>Amaya est très fière de la nouvelle figurine de Zoé Zap qu'elle a achetée, mais lorsque qu'elle la perd dans un moment d'inattention, la poupée tombe entre les mains de quelqu'un bien décidé à en faire mauvais usage. / Un gong très ancien est exposé au musée. Le maillet magique pouvant libérer son pouvoir sera livré dans la soirée. Les Pyjamasques veulent empêcher Ninjaka de le voler mais arrivent trop tard. Ninjaka, en frappant le gong, libère le dragon qui en est prisonnier et en devient le maître.</t>
  </si>
  <si>
    <t>FR43091-HDTX</t>
  </si>
  <si>
    <t>Bluey S1 Ep 32</t>
  </si>
  <si>
    <t>FR80207-HDTX</t>
  </si>
  <si>
    <t>Un déguisement de trop / La grande frayeur de Halloween</t>
  </si>
  <si>
    <t>Nancy refuse d'aller à une fête d'Halloween quand elle découvre que son costume n'est pas unique. L'imagination de Nancy s'emballe lorsqu'elle croit voir un fantôme le soir de Halloween !</t>
  </si>
  <si>
    <t>FR62010-HDTX</t>
  </si>
  <si>
    <t>Fancy Nancy Clancy S2 Ep 26a</t>
  </si>
  <si>
    <t>Réalisateur: Jamie Mitchell, Réalisateur: Mircea ManttaRéalisateur: Mircea Mantta, Réalisateur: Jamie Mitchell</t>
  </si>
  <si>
    <t>FR87552-HDTX</t>
  </si>
  <si>
    <t>La Grande Esmeralda / Potions et coassements</t>
  </si>
  <si>
    <t>La Grande Esmeralda, qui n'a jamais tort, fait une triste prédiction à Vampirina. Elle va tout faire pour qu'elle ne se réalise pas. / Vampirina se transforme en crapaud.</t>
  </si>
  <si>
    <t>FR64490-HDTX</t>
  </si>
  <si>
    <t>FR87948-HDTX</t>
  </si>
  <si>
    <t>Les secrets de la grotte</t>
  </si>
  <si>
    <t>Après avoir découvert une mystérieuse grotte où se trouve peut-être le secret pour vaincre Scar, la Garde doit surmonter bien des dangers pour en percer les secrets.</t>
  </si>
  <si>
    <t>FR34177-HDTX</t>
  </si>
  <si>
    <t>Une nouvelle voisine</t>
  </si>
  <si>
    <t>Réalisateur: Larry Leichliter, Réalisateur: Jamie MitchellRéalisateur: Jamie Mitchell</t>
  </si>
  <si>
    <t>Une mini-fée s'installe dans la grotte des Trolls et menace Charlie. Sofia apprend aux Trolls à se défendre.</t>
  </si>
  <si>
    <t>FR30958-HDTX</t>
  </si>
  <si>
    <t>Un animal de compagnie / La reine et ses sujets</t>
  </si>
  <si>
    <t>65</t>
  </si>
  <si>
    <t>Toufy devient officiellement le maître de Gribulle. Il doit donc apprendre à s'occuper d'un jouet-animal de compagnie car celà ne s'improvise pas. Celà ne va pas aller sans quelques ratés, qui vont faire douter Toufy sur sa capacité à jouer correctement son nouveau rôle. / Lors d'une partie de Trones musicaux, Toufy détruit le château. La Reine Lavilaine se propose de le reconstruire avec l'aide de tout le monde. Elle prend naturellement le contrôle des opérations et se révèle une meneuse trés efficace. Mais il n'est pas du goût de tout le monde d'accepter les ordres d'un petit bout de femme..</t>
  </si>
  <si>
    <t>FR31059-HDTX</t>
  </si>
  <si>
    <t>A vos ordres capitaine Mickey</t>
  </si>
  <si>
    <t>Dingo a accidentellement fait tomber la pièce porte-bonheur de Mickey tout au fond du lac. Le Professeur Van Drake va utiliser son camping-car et le transformer en sous-marin pour explorer les eaux profondes.</t>
  </si>
  <si>
    <t>FR31286-HDTX</t>
  </si>
  <si>
    <t>La Maxi Gym de Mickey</t>
  </si>
  <si>
    <t>79</t>
  </si>
  <si>
    <t>Réalisateur: Donovan Cooks, Réalisateur: Sherie Pollack, Réalisateur: Rob LaDuca, Interprète: They Might Be GiantsRéalisateur: Rob LaDuca, Réalisateur: Sherie Pollack, Interprète: They Might Be Giants</t>
  </si>
  <si>
    <t>Aujourd'hui, nos amis montrent à Pat que c'est très amusant de faire de l'exercice...</t>
  </si>
  <si>
    <t>FR31288-HDTX</t>
  </si>
  <si>
    <t>82</t>
  </si>
  <si>
    <t>FR84563-HDTX</t>
  </si>
  <si>
    <t>Joyeux Halloween, Hallie! / Crocodile en péril</t>
  </si>
  <si>
    <t>67</t>
  </si>
  <si>
    <t>Réalisateur: Brónagh O'Hanlon, Réalisateur: Chris Nee, Réalisateur: Dan NosellaRéalisateur: Chris Nee</t>
  </si>
  <si>
    <t>Le soir d'Halloween, Hallie se perd en allant admirer seule un déguisement de plus près. / Quand les billes du jeu des Crocos Gloutons se répandent dans tout le jardin, Doc et ses jouets tentent de les rattraper.</t>
  </si>
  <si>
    <t>FR31065-HDTX</t>
  </si>
  <si>
    <t>Opération puzzle/Concerto en carlin mineur</t>
  </si>
  <si>
    <t>Réalisateur: Scott Bern, Réalisateur: Stephanie Arnett, Réalisateur: Trevor WallRéalisateur: Trevor Wall</t>
  </si>
  <si>
    <t>Bob ne peut pas finir son puzzle sans une image de léopard, alors Bingo et Rolly vont lui en chercher un vrai. / Sans le vouloir, les chiots mettent le bazar à un concert.</t>
  </si>
  <si>
    <t>FR36035-HDTX</t>
  </si>
  <si>
    <t>La légende de Reptilio/Les chiots gardent Bébé</t>
  </si>
  <si>
    <t>Réalisateur: Stephanie Arnett, Réalisateur: Trevor WallRéalisateur: Trevor Wall</t>
  </si>
  <si>
    <t>Bob a perdu sa canne à pêche favorite, et Bingo et Rolly doivent affronter une créature légendaire pour la récupérer. / Les carlins doivent s'occuper d'un chiot qui a beaucoup d'énergie à revendre.</t>
  </si>
  <si>
    <t>FR36036-HDTX</t>
  </si>
  <si>
    <t>Bibou et la querelle des Q.G.s / Gluglu et le Micmac au Musée</t>
  </si>
  <si>
    <t>Réalisateur: Christian De Vita, Réalisateur: Merle-Anne Ridley, Réalisateur: Wilson Dos SantosRéalisateur: Merle-Anne Ridley</t>
  </si>
  <si>
    <t>Ninjaka se crée sa propre forteresse imprenable en empilant des cars de ramassage scolaire les uns sur les autres. Le méchant compte se servir de son nouveau QG pour annexer celui des Pyjamasques. Malheureusement pour ces derniers, Bibou est tellement épatée par la forteresse de Ninjaka qu'elle en oublie que son QG à elle est tout aussi épatant... / Alors que Roméo s'apprête à frapper avec une nouvelle invention, Gluglu échoue à l'arrêter à temps. S'il veut espérer arrêter le méchant et sa machine, notre héros va devoir apprendre qu'il y a plus d'une solution à un seul problème.</t>
  </si>
  <si>
    <t>FR30367-HDTX</t>
  </si>
  <si>
    <t>83</t>
  </si>
  <si>
    <t>FR84564-HDTX</t>
  </si>
  <si>
    <t>Fancy Nancy Clancy S2 Ep 28</t>
  </si>
  <si>
    <t>Réalisateur: Jamie Mitchell, Réalisateur: Mircea ManttaRéalisateur: Jamie Mitchell, Réalisateur: Mircea Mantta</t>
  </si>
  <si>
    <t>Nancy Clancy, avec le soutien de sa famille et de ses amis, découvre tout ce que le quotidien ordinaire a d'extraordinaire et transforme le banal en expérience exquise !</t>
  </si>
  <si>
    <t>FR84170-HDTX</t>
  </si>
  <si>
    <t>Nancy, La Poète / Une nouvelle meilleure amie</t>
  </si>
  <si>
    <t>En participant à un concours de poésie, Nancy découvre l'angoisse de la page blanche ! Lorsque Jojo remet par erreur à Grace la carte de Joyeuse Saint Valentin que Nancy réservait à Bree, Grace croit qu'elle est devenue sa meilleure amie !</t>
  </si>
  <si>
    <t>FR61993-HDTX</t>
  </si>
  <si>
    <t>La princesse et les protecteurs</t>
  </si>
  <si>
    <t>95</t>
  </si>
  <si>
    <t>Sofia rencontre Chrysta qui doit la former au métier de protecteur. Elles partent pour l'Île des neiges éternelles pour débuter l'initiaition.</t>
  </si>
  <si>
    <t>FR65688-HDTX</t>
  </si>
  <si>
    <t>Gluglu n'a besoin de personne</t>
  </si>
  <si>
    <t>Greg n'a pas envie d'être traité comme le plus petit qu'il faut toujours aider. Cette nuit, pour retrouver le bus scolaire qui a disparu, Gluglu veut affronter Ninjaka seul, et prouver qu'il n'a besoin de personne.</t>
  </si>
  <si>
    <t>FR33976-HDTX</t>
  </si>
  <si>
    <t>DISNEY TOUS EN FORME L’ASTUCE DU JOUR</t>
  </si>
  <si>
    <t>Le Monde De Nemo</t>
  </si>
  <si>
    <t>S'inspirer de ses héros préférés</t>
  </si>
  <si>
    <t>Magazine</t>
  </si>
  <si>
    <t>9min</t>
  </si>
  <si>
    <t>FR58215-HDTX</t>
  </si>
  <si>
    <t>Bluey S1 Ep 38</t>
  </si>
  <si>
    <t>FR79410-HDTX</t>
  </si>
  <si>
    <t>Retour au champ de citrouilles/Le Hurleur Hanté</t>
  </si>
  <si>
    <t>Après avoir perdu son collier dans un champ de citrouilles, Bingo retourne le chercher avec Feuly et Rolly une fois la nuit tombée./Les chiots partent à la recherche du costume de leur petite voisine.</t>
  </si>
  <si>
    <t>FR36042-HDTX</t>
  </si>
  <si>
    <t>Fancy Nancy Clancy S2 Ep 26b</t>
  </si>
  <si>
    <t>FR87553-HDTX</t>
  </si>
  <si>
    <t>Vampirina S2</t>
  </si>
  <si>
    <t>Vampirina est un petit vampire. Avec ses parents, elle a quitté la Transylvanie pour s’installer en Pennsylvanie et doit apprendre à vivre parmi les humains.</t>
  </si>
  <si>
    <t>FR64493-HDTX</t>
  </si>
  <si>
    <t>91</t>
  </si>
  <si>
    <t>FR87949-HDTX</t>
  </si>
  <si>
    <t>La Tête Pensante de la Garde</t>
  </si>
  <si>
    <t>Les méchants prédateurs de la Terre Interdite entendent Thurston se vanter d'être la tête pensante de la Garde du Roi Lion et décident de l'enlever pour trouver un moyen de vaincre la Garde.</t>
  </si>
  <si>
    <t>FR34178-HDTX</t>
  </si>
  <si>
    <t>La fausse amulette</t>
  </si>
  <si>
    <t>Cédric parvient à s'emparer de l'amulette de Sofia, mais il est affublé d'une malédiction avant de pouvoir utiliser ses pouvoirs.</t>
  </si>
  <si>
    <t>FR30959-HDTX</t>
  </si>
  <si>
    <t>Le ventre de teddy la Peluche fait des siennes / Jeu dangereux</t>
  </si>
  <si>
    <t>Réalisateur: Dan Nosella, Réalisateur: Chris Nee, Réalisateur: Damien O'ConnorRéalisateur: Chris Nee</t>
  </si>
  <si>
    <t>Donny se fait piquer par Teddy La Peluche alors qu'il joue dans le jardin avec lui et d'autres jouets. / Par une chaude journée d'été, Doc joue à la pataugeroire du parc avec ses jouets.</t>
  </si>
  <si>
    <t>FR31062-HDTX</t>
  </si>
  <si>
    <t>À cheval / L'Hôtel / Le Vélo</t>
  </si>
  <si>
    <t>Les enfants organisent un mariage à cheval ! Bluey, Bingo et leur papa jouent au jeu "Hôtel." Bluey ne parvient pas à rouler en vélo mais n'abandonne pas.</t>
  </si>
  <si>
    <t>FR79401-HDTX</t>
  </si>
  <si>
    <t>La Sieste du Prince Pat</t>
  </si>
  <si>
    <t>80</t>
  </si>
  <si>
    <t>Le Prince Pat n'arrive plus à trouver le sommeil et il ne sait pas pourquoi. Nos amis vont tenter de comprendre ce qui l'empêche de s'endormir.</t>
  </si>
  <si>
    <t>FR31290-HDTX</t>
  </si>
  <si>
    <t>Mickey et les Formes</t>
  </si>
  <si>
    <t>Réalisateur: Donovan Cooks, Réalisateur: Rob LaDuca, Réalisateur: Sherie Pollack, Interprète: They Might Be GiantsRéalisateur: Rob LaDuca, Réalisateur: Sherie Pollack, Interprète: They Might Be Giants</t>
  </si>
  <si>
    <t>Mickey et ses amis reçoivent la visite de Mickey le Martien. Il arrive juste à temps pour participer à l'exposition des formes...</t>
  </si>
  <si>
    <t>FR31292-HDTX</t>
  </si>
  <si>
    <t>Tatouro'Chef / Bibou-je-sais-tout</t>
  </si>
  <si>
    <t>Désireux de prouver qu'il peut être un grand Leader, Tatouro'Tom essaie d'entraîner les Farfeloups à devenir des héros. Gluglu persuade ses camarades d'aider Tatouro'Tom et les Pyjamasques jouent les méchants pendant l'entraînement des Farfeloups. /Convaincue que Roméo a encore utilisé sa machine à glaçon, Bibou refuse d'écouter Robot et donne aux Farfeloups une chance de congeler la ville avec les inventions volées de Roméo.</t>
  </si>
  <si>
    <t>FR68525-HDTX</t>
  </si>
  <si>
    <t>Retour aux sources / Incident mécanique</t>
  </si>
  <si>
    <t>Pipou et Freddy livrent un bébé pingouin dans la région d'origine de Pipou. Quand Pipou et Freddy cassent l'une des machines de TOTS, ils sont déterminés à la réparer tous seuls</t>
  </si>
  <si>
    <t>FR72108-HDTX</t>
  </si>
  <si>
    <t>La sauterelle de Daisy</t>
  </si>
  <si>
    <t>Mickey et ses amis aident Daisy à retrouver sa sauterelle Wilbur, dont le professeur doit faire une photo...</t>
  </si>
  <si>
    <t>FR31271-HDTX</t>
  </si>
  <si>
    <t>L'anniversaire de Bingo et Rolly / Le concours de danse</t>
  </si>
  <si>
    <t>Les chiots se séparent pour trouver un cadeau d'anniversaire à l'autre. / Les carlins demandent de l'aide à leur ami Henri pour apprendre à Bob à danser.</t>
  </si>
  <si>
    <t>FR36039-HDTX</t>
  </si>
  <si>
    <t>Rencontres du troisième chiot / La balle mystérieuse</t>
  </si>
  <si>
    <t>Bob veut rencontrer quelqu'un qui vient de l'espace, et les chiots se rendent là où vont tous les passionnés d'O.V.N.I.. / Les carlins trouvent un jouet qui n'est pas à eux et partent en mission pour retrouver son propriétaire.</t>
  </si>
  <si>
    <t>FR36040-HDTX</t>
  </si>
  <si>
    <t>Yoyo connaît la musique / Bibou et la nouvelle technique d'attaque</t>
  </si>
  <si>
    <t>Tous les instruments de musique de l'école ont disparu, et Bibou et Gluglu sont sur le coup pour les récupérer. Yoyo, en revanche, n'est pas si pressé : il va d'abord falloir qu'il surmonte son trac de jouer de la musique en public s'il veut aider ses amis et accomplir sa mission ! / Yoyo et Gluglu imaginent une nouvelle technique de super-héros capable de maîtriser n'importe quel méchant, mais Bibou ne parvient pas à l'exécuter. Plutôt que de reconnaître qu'elle n'y arrive pas, notre héroïne refuse carrément de s'y essayer, laissant ainsi le champ libre à Roméo et à ses manoeuvres maléfiques.</t>
  </si>
  <si>
    <t>FR30370-HDTX</t>
  </si>
  <si>
    <t>84</t>
  </si>
  <si>
    <t>FR84565-HDTX</t>
  </si>
  <si>
    <t>Bibou, l'oiseau rare / Yoyo tambour battant</t>
  </si>
  <si>
    <t>Roméo parvient à répliquer les pouvoirs de Bibou pour se doter lui-même - ainsi que Gluglu et Yoyo - du pouvoir de voler ! Maintenant que tous autour d'elle en sont capables, Bibou a le sentiment d'avoir perdu ce qui faisait d'elle une personne unique. / Un défilé de chars se prépare en ville pour le carnaval, mais Ninjaka décide d'en faire sa propre 'Ninja Parade'. Il mène ses Ninjazouaves tambour battant - à l'aide d'un tambour volé à Yoyo - pour leur faire repeindre chars et fanions.</t>
  </si>
  <si>
    <t>FR30372-HDTX</t>
  </si>
  <si>
    <t>Au revoir, Jean Claude / Nancy joue les espionnes</t>
  </si>
  <si>
    <t>Quand le poisson rouge de la famille meurt, Nancy doit affronter son chagrin. Quand Nancy espionne ses parents, elle croit comprendre qu'ils vont abandonner leur chien !</t>
  </si>
  <si>
    <t>FR61994-HDTX</t>
  </si>
  <si>
    <t>Fancy Nancy Clancy S2 Ep 26</t>
  </si>
  <si>
    <t>FR87551-HDTX</t>
  </si>
  <si>
    <t>Le pique-nique des dragons</t>
  </si>
  <si>
    <t>96</t>
  </si>
  <si>
    <t>Réalisateur: Mircea Mantta, Réalisateur: Jamie Mitchell</t>
  </si>
  <si>
    <t>Cracky n'a aucun ami à inviter au pique-nique des dragons, Sofia lui propose donc de l'accompagner et se change en dragon pour l'occasion.</t>
  </si>
  <si>
    <t>FR31553-HDTX</t>
  </si>
  <si>
    <t>Gluglu et le Ninjartiste/Les Pyjamasques et le Roméomanège</t>
  </si>
  <si>
    <t>Ninjaka a volé les œuvres d'art du musée et compte faire sa propre exposition d'oeuvres engluées. Entre-temps, les Pyjamasques, trompés par Ninjaka, se sont séparés et doivent réunir leurs forces pour vaincre le méchant. / Roméo a transféré l’énergie du Q.G. des Pyjamasques dans son labo, ce qui prive nos héros de leurs pouvoirs. Mais les pyja-pouvoirs s’échappent en petites bulles, qui vont flotter au-dessus de la fête foraine. Chacun compte tirer parti des jeux et attractions de la foire pour essayer d’attraper les bulles...</t>
  </si>
  <si>
    <t>FR43092-HDTX</t>
  </si>
  <si>
    <t>Bluey S1 Ep 40</t>
  </si>
  <si>
    <t>FR79413-HDTX</t>
  </si>
  <si>
    <t>Fancy Nancy Clancy S2 Ep 27a</t>
  </si>
  <si>
    <t>FR82143-HDTX</t>
  </si>
  <si>
    <t>FR64494-HDTX</t>
  </si>
  <si>
    <t>FR87950-HDTX</t>
  </si>
  <si>
    <t>La résistance des hyènes</t>
  </si>
  <si>
    <t>Jasiri propose d'aider la Garde à combattre Scar en organisant la résistance des hyènes sur la Terre Interdite.</t>
  </si>
  <si>
    <t>FR34179-HDTX</t>
  </si>
  <si>
    <t>Princesse Zoé</t>
  </si>
  <si>
    <t>Réalisateur: Jamie MitchellRéalisateur: Jamie Mitchell</t>
  </si>
  <si>
    <t>Zoé vient de rejoindre l'Académie Royale et rêve de se faire des amis. Sur les conseils de Sofia, elle cré un club d'aventures. Mais Ambre se voit refuser le droit d'y adhérer.</t>
  </si>
  <si>
    <t>FR30960-HDTX</t>
  </si>
  <si>
    <t>Emmène ton animal chez le vétérinaire / Qui sera le meilleur commandant?</t>
  </si>
  <si>
    <t>Réalisateur: Chris Nee, Réalisateur: Dan Nosella, Réalisateur: Richard KeaneRéalisateur: Chris Nee</t>
  </si>
  <si>
    <t>Doc ramène chez elle Roulette, le hamster de sa classe. / Doc fait un concours pour choisir le meilleur commandant pour le poste de commande de la flotte spatiale.</t>
  </si>
  <si>
    <t>FR31067-HDTX</t>
  </si>
  <si>
    <t>Le pouvoir de Giganto / Le dino qui criait au Giganto</t>
  </si>
  <si>
    <t>Rocky voudrait être fort comme Giganto. S’il avait une queue comme lui, il s’en servirait pour vaincre les méchants et défendre ses amis ! Mazu le met en garde : un grand pouvoir implique de grandes responsabilités. / Bill se rend compte que, quand il crie « Giganto ! », il peut éviter de faire des trucs pénibles, comme de grimper la falaise, attendre patiemment son tour, ou essayer de marquer un but contre Tiny. Au début ça marche, mais progressivement ses amis se rendent compte que Giganto ne se montre jamais. Ses amis ne sont pas très contents, et Bill se vexe...</t>
  </si>
  <si>
    <t>FR65951-HDTX</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indexed="8"/>
      <name val="Calibri"/>
      <family val="2"/>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b/>
      <i/>
      <sz val="11"/>
      <color indexed="8"/>
      <name val="Calibri"/>
      <family val="2"/>
    </font>
    <font>
      <b/>
      <i/>
      <sz val="10"/>
      <color indexed="8"/>
      <name val="Arial"/>
      <family val="2"/>
    </font>
    <font>
      <sz val="10"/>
      <color indexed="8"/>
      <name val="Arial"/>
      <family val="2"/>
    </font>
    <font>
      <sz val="10"/>
      <color rgb="FF2D2D2D"/>
      <name val="Arial"/>
      <family val="2"/>
    </font>
    <font>
      <sz val="10"/>
      <color theme="1"/>
      <name val="Arial"/>
      <family val="2"/>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7"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7"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7"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7"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7"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7" fillId="32" borderId="0" applyNumberFormat="0" applyBorder="0" applyAlignment="0" applyProtection="0"/>
  </cellStyleXfs>
  <cellXfs count="10">
    <xf numFmtId="0" fontId="0" fillId="0" borderId="0" xfId="0"/>
    <xf numFmtId="0" fontId="18" fillId="0" borderId="0" xfId="0" applyFont="1"/>
    <xf numFmtId="0" fontId="19" fillId="0" borderId="0" xfId="0" applyFont="1" applyAlignment="1"/>
    <xf numFmtId="0" fontId="20" fillId="0" borderId="0" xfId="0" applyFont="1" applyAlignment="1"/>
    <xf numFmtId="14" fontId="20" fillId="0" borderId="0" xfId="0" applyNumberFormat="1" applyFont="1" applyAlignment="1"/>
    <xf numFmtId="21" fontId="20" fillId="0" borderId="0" xfId="0" applyNumberFormat="1" applyFont="1" applyAlignment="1"/>
    <xf numFmtId="0" fontId="19" fillId="0" borderId="0" xfId="0" applyFont="1"/>
    <xf numFmtId="0" fontId="21" fillId="0" borderId="0" xfId="0" applyFont="1"/>
    <xf numFmtId="0" fontId="22" fillId="0" borderId="0" xfId="0" applyFont="1"/>
    <xf numFmtId="0" fontId="20" fillId="0" borderId="0" xfId="0" applyFont="1" applyAlignment="1">
      <alignment horizontal="left"/>
    </xf>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ustomBuiltin="1"/>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06/relationships/vbaProject" Target="vbaProject.bin"/><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V275"/>
  <sheetViews>
    <sheetView workbookViewId="0">
      <selection activeCell="R6" sqref="R6"/>
    </sheetView>
  </sheetViews>
  <sheetFormatPr defaultRowHeight="15" x14ac:dyDescent="0.25"/>
  <cols>
    <col min="1" max="1" width="7" customWidth="1"/>
    <col min="2" max="2" width="10.7109375" customWidth="1"/>
    <col min="3" max="3" width="7.7109375" customWidth="1"/>
    <col min="4" max="4" width="10.7109375" customWidth="1"/>
    <col min="5" max="5" width="57.5703125" customWidth="1"/>
    <col min="6" max="6" width="37.140625" customWidth="1"/>
    <col min="7" max="7" width="10.42578125" customWidth="1"/>
    <col min="8" max="8" width="9.5703125" customWidth="1"/>
    <col min="9" max="9" width="11.5703125" customWidth="1"/>
    <col min="10" max="10" width="22.28515625" customWidth="1"/>
    <col min="11" max="11" width="11" customWidth="1"/>
    <col min="12" max="12" width="10.7109375" customWidth="1"/>
    <col min="13" max="13" width="12.85546875" customWidth="1"/>
    <col min="14" max="14" width="12.7109375" customWidth="1"/>
    <col min="15" max="15" width="11" customWidth="1"/>
    <col min="16" max="16" width="11.85546875" customWidth="1"/>
    <col min="17" max="17" width="10.28515625" customWidth="1"/>
    <col min="18" max="18" width="18.5703125" customWidth="1"/>
    <col min="19" max="19" width="12.7109375" customWidth="1"/>
    <col min="20" max="20" width="10.140625" customWidth="1"/>
    <col min="21" max="22" width="5" customWidth="1"/>
  </cols>
  <sheetData>
    <row r="1" spans="1:22" s="1" customFormat="1"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22</v>
      </c>
      <c r="B2" s="4" t="s">
        <v>23</v>
      </c>
      <c r="C2" s="3" t="s">
        <v>24</v>
      </c>
      <c r="D2" s="5" t="s">
        <v>25</v>
      </c>
      <c r="E2" s="3" t="s">
        <v>26</v>
      </c>
      <c r="F2" s="3" t="s">
        <v>27</v>
      </c>
      <c r="G2" s="3" t="s">
        <v>28</v>
      </c>
      <c r="H2" s="3" t="s">
        <v>29</v>
      </c>
      <c r="I2" s="3" t="s">
        <v>30</v>
      </c>
      <c r="J2" s="3" t="s">
        <v>31</v>
      </c>
      <c r="K2" s="3" t="s">
        <v>32</v>
      </c>
      <c r="L2" s="3" t="s">
        <v>33</v>
      </c>
      <c r="M2" s="3" t="s">
        <v>34</v>
      </c>
      <c r="N2" s="3" t="s">
        <v>35</v>
      </c>
      <c r="O2" s="3" t="s">
        <v>36</v>
      </c>
      <c r="P2" s="3" t="s">
        <v>37</v>
      </c>
      <c r="Q2" s="3" t="s">
        <v>38</v>
      </c>
      <c r="R2" s="3" t="s">
        <v>39</v>
      </c>
      <c r="S2" s="3" t="s">
        <v>40</v>
      </c>
      <c r="T2" s="3"/>
      <c r="U2" s="3" t="s">
        <v>37</v>
      </c>
      <c r="V2" s="3" t="s">
        <v>37</v>
      </c>
    </row>
    <row r="3" spans="1:22" x14ac:dyDescent="0.25">
      <c r="A3" s="3" t="s">
        <v>22</v>
      </c>
      <c r="B3" s="4" t="s">
        <v>23</v>
      </c>
      <c r="C3" s="3" t="s">
        <v>24</v>
      </c>
      <c r="D3" s="5" t="s">
        <v>41</v>
      </c>
      <c r="E3" s="3" t="s">
        <v>26</v>
      </c>
      <c r="F3" s="3" t="s">
        <v>42</v>
      </c>
      <c r="G3" s="3" t="s">
        <v>43</v>
      </c>
      <c r="H3" s="3" t="s">
        <v>29</v>
      </c>
      <c r="I3" s="3" t="s">
        <v>30</v>
      </c>
      <c r="J3" s="3" t="s">
        <v>44</v>
      </c>
      <c r="K3" s="3" t="s">
        <v>32</v>
      </c>
      <c r="L3" s="3" t="s">
        <v>33</v>
      </c>
      <c r="M3" s="3" t="s">
        <v>34</v>
      </c>
      <c r="N3" s="3" t="s">
        <v>35</v>
      </c>
      <c r="O3" s="3" t="s">
        <v>36</v>
      </c>
      <c r="P3" s="3" t="s">
        <v>37</v>
      </c>
      <c r="Q3" s="3" t="s">
        <v>38</v>
      </c>
      <c r="R3" s="3" t="s">
        <v>39</v>
      </c>
      <c r="S3" s="3" t="s">
        <v>45</v>
      </c>
      <c r="T3" s="3"/>
      <c r="U3" s="3" t="s">
        <v>37</v>
      </c>
      <c r="V3" s="3" t="s">
        <v>37</v>
      </c>
    </row>
    <row r="4" spans="1:22" x14ac:dyDescent="0.25">
      <c r="A4" s="3" t="s">
        <v>22</v>
      </c>
      <c r="B4" s="4" t="s">
        <v>23</v>
      </c>
      <c r="C4" s="3" t="s">
        <v>24</v>
      </c>
      <c r="D4" s="5" t="s">
        <v>46</v>
      </c>
      <c r="E4" s="3" t="s">
        <v>47</v>
      </c>
      <c r="F4" s="3" t="s">
        <v>48</v>
      </c>
      <c r="G4" s="3" t="s">
        <v>49</v>
      </c>
      <c r="H4" s="3" t="s">
        <v>29</v>
      </c>
      <c r="I4" s="3" t="s">
        <v>50</v>
      </c>
      <c r="J4" s="3" t="s">
        <v>51</v>
      </c>
      <c r="K4" s="3" t="s">
        <v>32</v>
      </c>
      <c r="L4" s="3" t="s">
        <v>33</v>
      </c>
      <c r="M4" s="3" t="s">
        <v>34</v>
      </c>
      <c r="N4" s="3" t="s">
        <v>52</v>
      </c>
      <c r="O4" s="3" t="s">
        <v>53</v>
      </c>
      <c r="P4" s="3" t="s">
        <v>54</v>
      </c>
      <c r="Q4" s="3" t="s">
        <v>38</v>
      </c>
      <c r="R4" s="3" t="s">
        <v>39</v>
      </c>
      <c r="S4" s="3" t="s">
        <v>55</v>
      </c>
      <c r="T4" s="3"/>
      <c r="U4" s="3" t="s">
        <v>37</v>
      </c>
      <c r="V4" s="3" t="s">
        <v>37</v>
      </c>
    </row>
    <row r="5" spans="1:22" x14ac:dyDescent="0.25">
      <c r="A5" s="3" t="s">
        <v>22</v>
      </c>
      <c r="B5" s="4" t="s">
        <v>23</v>
      </c>
      <c r="C5" s="3" t="s">
        <v>24</v>
      </c>
      <c r="D5" s="5" t="s">
        <v>56</v>
      </c>
      <c r="E5" s="3" t="s">
        <v>47</v>
      </c>
      <c r="F5" s="3" t="s">
        <v>57</v>
      </c>
      <c r="G5" s="3" t="s">
        <v>58</v>
      </c>
      <c r="H5" s="3" t="s">
        <v>29</v>
      </c>
      <c r="I5" s="3" t="s">
        <v>50</v>
      </c>
      <c r="J5" s="3" t="s">
        <v>59</v>
      </c>
      <c r="K5" s="3" t="s">
        <v>32</v>
      </c>
      <c r="L5" s="3" t="s">
        <v>33</v>
      </c>
      <c r="M5" s="3" t="s">
        <v>34</v>
      </c>
      <c r="N5" s="3" t="s">
        <v>52</v>
      </c>
      <c r="O5" s="3" t="s">
        <v>53</v>
      </c>
      <c r="P5" s="3" t="s">
        <v>37</v>
      </c>
      <c r="Q5" s="3" t="s">
        <v>38</v>
      </c>
      <c r="R5" s="3" t="s">
        <v>39</v>
      </c>
      <c r="S5" s="3" t="s">
        <v>60</v>
      </c>
      <c r="T5" s="3"/>
      <c r="U5" s="3" t="s">
        <v>37</v>
      </c>
      <c r="V5" s="3" t="s">
        <v>37</v>
      </c>
    </row>
    <row r="6" spans="1:22" x14ac:dyDescent="0.25">
      <c r="A6" s="3" t="s">
        <v>22</v>
      </c>
      <c r="B6" s="4" t="s">
        <v>23</v>
      </c>
      <c r="C6" s="3" t="s">
        <v>24</v>
      </c>
      <c r="D6" s="5" t="s">
        <v>61</v>
      </c>
      <c r="E6" s="3" t="s">
        <v>62</v>
      </c>
      <c r="F6" s="3" t="s">
        <v>63</v>
      </c>
      <c r="G6" s="3" t="s">
        <v>64</v>
      </c>
      <c r="H6" s="3" t="s">
        <v>29</v>
      </c>
      <c r="I6" s="3" t="s">
        <v>65</v>
      </c>
      <c r="J6" s="3" t="s">
        <v>66</v>
      </c>
      <c r="K6" s="3" t="s">
        <v>32</v>
      </c>
      <c r="L6" s="3" t="s">
        <v>33</v>
      </c>
      <c r="M6" s="3" t="s">
        <v>34</v>
      </c>
      <c r="N6" s="3" t="s">
        <v>35</v>
      </c>
      <c r="O6" s="3" t="s">
        <v>67</v>
      </c>
      <c r="P6" s="3" t="s">
        <v>37</v>
      </c>
      <c r="Q6" s="3" t="s">
        <v>38</v>
      </c>
      <c r="R6" s="3" t="s">
        <v>39</v>
      </c>
      <c r="S6" s="3" t="s">
        <v>68</v>
      </c>
      <c r="T6" s="3"/>
      <c r="U6" s="3" t="s">
        <v>37</v>
      </c>
      <c r="V6" s="3" t="s">
        <v>37</v>
      </c>
    </row>
    <row r="7" spans="1:22" x14ac:dyDescent="0.25">
      <c r="A7" s="3" t="s">
        <v>22</v>
      </c>
      <c r="B7" s="4" t="s">
        <v>23</v>
      </c>
      <c r="C7" s="3" t="s">
        <v>24</v>
      </c>
      <c r="D7" s="5" t="s">
        <v>69</v>
      </c>
      <c r="E7" s="3" t="s">
        <v>70</v>
      </c>
      <c r="F7" s="3" t="s">
        <v>71</v>
      </c>
      <c r="G7" s="3" t="s">
        <v>72</v>
      </c>
      <c r="H7" s="3" t="s">
        <v>29</v>
      </c>
      <c r="I7" s="3" t="s">
        <v>37</v>
      </c>
      <c r="J7" s="3" t="s">
        <v>73</v>
      </c>
      <c r="K7" s="3" t="s">
        <v>32</v>
      </c>
      <c r="L7" s="3" t="s">
        <v>33</v>
      </c>
      <c r="M7" s="3" t="s">
        <v>74</v>
      </c>
      <c r="N7" s="3" t="s">
        <v>75</v>
      </c>
      <c r="O7" s="3" t="s">
        <v>53</v>
      </c>
      <c r="P7" s="3" t="s">
        <v>54</v>
      </c>
      <c r="Q7" s="3" t="s">
        <v>37</v>
      </c>
      <c r="R7" s="3" t="s">
        <v>39</v>
      </c>
      <c r="S7" s="3" t="s">
        <v>76</v>
      </c>
      <c r="T7" s="3"/>
      <c r="U7" s="3" t="s">
        <v>37</v>
      </c>
      <c r="V7" s="3" t="s">
        <v>37</v>
      </c>
    </row>
    <row r="8" spans="1:22" x14ac:dyDescent="0.25">
      <c r="A8" s="3" t="s">
        <v>22</v>
      </c>
      <c r="B8" s="4" t="s">
        <v>23</v>
      </c>
      <c r="C8" s="3" t="s">
        <v>24</v>
      </c>
      <c r="D8" s="5" t="s">
        <v>77</v>
      </c>
      <c r="E8" s="3" t="s">
        <v>78</v>
      </c>
      <c r="F8" s="3" t="s">
        <v>37</v>
      </c>
      <c r="G8" s="3" t="s">
        <v>37</v>
      </c>
      <c r="H8" s="3" t="s">
        <v>37</v>
      </c>
      <c r="I8" s="3" t="s">
        <v>79</v>
      </c>
      <c r="J8" s="3" t="s">
        <v>80</v>
      </c>
      <c r="K8" s="3" t="s">
        <v>81</v>
      </c>
      <c r="L8" s="3" t="s">
        <v>82</v>
      </c>
      <c r="M8" s="3" t="s">
        <v>74</v>
      </c>
      <c r="N8" s="3" t="s">
        <v>75</v>
      </c>
      <c r="O8" s="3" t="s">
        <v>83</v>
      </c>
      <c r="P8" s="3" t="s">
        <v>37</v>
      </c>
      <c r="Q8" s="3" t="s">
        <v>37</v>
      </c>
      <c r="R8" s="3" t="s">
        <v>39</v>
      </c>
      <c r="S8" s="3" t="s">
        <v>84</v>
      </c>
      <c r="T8" s="3"/>
      <c r="U8" s="3" t="s">
        <v>37</v>
      </c>
      <c r="V8" s="3" t="s">
        <v>37</v>
      </c>
    </row>
    <row r="9" spans="1:22" x14ac:dyDescent="0.25">
      <c r="A9" s="3" t="s">
        <v>22</v>
      </c>
      <c r="B9" s="4" t="s">
        <v>23</v>
      </c>
      <c r="C9" s="3" t="s">
        <v>24</v>
      </c>
      <c r="D9" s="5" t="s">
        <v>85</v>
      </c>
      <c r="E9" s="3" t="s">
        <v>47</v>
      </c>
      <c r="F9" s="3" t="s">
        <v>86</v>
      </c>
      <c r="G9" s="3" t="s">
        <v>87</v>
      </c>
      <c r="H9" s="3" t="s">
        <v>88</v>
      </c>
      <c r="I9" s="3" t="s">
        <v>50</v>
      </c>
      <c r="J9" s="3" t="s">
        <v>89</v>
      </c>
      <c r="K9" s="3" t="s">
        <v>32</v>
      </c>
      <c r="L9" s="3" t="s">
        <v>33</v>
      </c>
      <c r="M9" s="3" t="s">
        <v>34</v>
      </c>
      <c r="N9" s="3" t="s">
        <v>75</v>
      </c>
      <c r="O9" s="3" t="s">
        <v>53</v>
      </c>
      <c r="P9" s="3" t="s">
        <v>54</v>
      </c>
      <c r="Q9" s="3" t="s">
        <v>37</v>
      </c>
      <c r="R9" s="3" t="s">
        <v>39</v>
      </c>
      <c r="S9" s="3" t="s">
        <v>90</v>
      </c>
      <c r="T9" s="3"/>
      <c r="U9" s="3" t="s">
        <v>37</v>
      </c>
      <c r="V9" s="3" t="s">
        <v>37</v>
      </c>
    </row>
    <row r="10" spans="1:22" x14ac:dyDescent="0.25">
      <c r="A10" s="3" t="s">
        <v>22</v>
      </c>
      <c r="B10" s="4" t="s">
        <v>23</v>
      </c>
      <c r="C10" s="3" t="s">
        <v>24</v>
      </c>
      <c r="D10" s="5" t="s">
        <v>91</v>
      </c>
      <c r="E10" s="3" t="s">
        <v>47</v>
      </c>
      <c r="F10" s="3" t="s">
        <v>92</v>
      </c>
      <c r="G10" s="3" t="s">
        <v>93</v>
      </c>
      <c r="H10" s="3" t="s">
        <v>88</v>
      </c>
      <c r="I10" s="3" t="s">
        <v>50</v>
      </c>
      <c r="J10" s="3" t="s">
        <v>94</v>
      </c>
      <c r="K10" s="3" t="s">
        <v>32</v>
      </c>
      <c r="L10" s="3" t="s">
        <v>33</v>
      </c>
      <c r="M10" s="3" t="s">
        <v>34</v>
      </c>
      <c r="N10" s="3" t="s">
        <v>75</v>
      </c>
      <c r="O10" s="3" t="s">
        <v>53</v>
      </c>
      <c r="P10" s="3" t="s">
        <v>54</v>
      </c>
      <c r="Q10" s="3" t="s">
        <v>37</v>
      </c>
      <c r="R10" s="3" t="s">
        <v>39</v>
      </c>
      <c r="S10" s="3" t="s">
        <v>95</v>
      </c>
      <c r="T10" s="3"/>
      <c r="U10" s="3" t="s">
        <v>37</v>
      </c>
      <c r="V10" s="3" t="s">
        <v>37</v>
      </c>
    </row>
    <row r="11" spans="1:22" x14ac:dyDescent="0.25">
      <c r="A11" s="3" t="s">
        <v>22</v>
      </c>
      <c r="B11" s="4" t="s">
        <v>23</v>
      </c>
      <c r="C11" s="3" t="s">
        <v>24</v>
      </c>
      <c r="D11" s="5" t="s">
        <v>96</v>
      </c>
      <c r="E11" s="3" t="s">
        <v>47</v>
      </c>
      <c r="F11" s="3" t="s">
        <v>97</v>
      </c>
      <c r="G11" s="3" t="s">
        <v>98</v>
      </c>
      <c r="H11" s="3" t="s">
        <v>88</v>
      </c>
      <c r="I11" s="3" t="s">
        <v>50</v>
      </c>
      <c r="J11" s="3" t="s">
        <v>99</v>
      </c>
      <c r="K11" s="3" t="s">
        <v>32</v>
      </c>
      <c r="L11" s="3" t="s">
        <v>33</v>
      </c>
      <c r="M11" s="3" t="s">
        <v>34</v>
      </c>
      <c r="N11" s="3" t="s">
        <v>75</v>
      </c>
      <c r="O11" s="3" t="s">
        <v>53</v>
      </c>
      <c r="P11" s="3" t="s">
        <v>54</v>
      </c>
      <c r="Q11" s="3" t="s">
        <v>37</v>
      </c>
      <c r="R11" s="3" t="s">
        <v>39</v>
      </c>
      <c r="S11" s="3" t="s">
        <v>100</v>
      </c>
      <c r="T11" s="3"/>
      <c r="U11" s="3" t="s">
        <v>37</v>
      </c>
      <c r="V11" s="3" t="s">
        <v>37</v>
      </c>
    </row>
    <row r="12" spans="1:22" x14ac:dyDescent="0.25">
      <c r="A12" s="3" t="s">
        <v>22</v>
      </c>
      <c r="B12" s="4" t="s">
        <v>23</v>
      </c>
      <c r="C12" s="3" t="s">
        <v>24</v>
      </c>
      <c r="D12" s="5" t="s">
        <v>101</v>
      </c>
      <c r="E12" s="3" t="s">
        <v>102</v>
      </c>
      <c r="F12" s="3" t="s">
        <v>103</v>
      </c>
      <c r="G12" s="3" t="s">
        <v>29</v>
      </c>
      <c r="H12" s="3" t="s">
        <v>29</v>
      </c>
      <c r="I12" s="3" t="s">
        <v>37</v>
      </c>
      <c r="J12" s="3" t="s">
        <v>104</v>
      </c>
      <c r="K12" s="3" t="s">
        <v>32</v>
      </c>
      <c r="L12" s="3" t="s">
        <v>82</v>
      </c>
      <c r="M12" s="3" t="s">
        <v>74</v>
      </c>
      <c r="N12" s="3" t="s">
        <v>75</v>
      </c>
      <c r="O12" s="3" t="s">
        <v>105</v>
      </c>
      <c r="P12" s="3" t="s">
        <v>54</v>
      </c>
      <c r="Q12" s="3" t="s">
        <v>37</v>
      </c>
      <c r="R12" s="3" t="s">
        <v>39</v>
      </c>
      <c r="S12" s="3" t="s">
        <v>106</v>
      </c>
      <c r="T12" s="3"/>
      <c r="U12" s="3" t="s">
        <v>37</v>
      </c>
      <c r="V12" s="3" t="s">
        <v>37</v>
      </c>
    </row>
    <row r="13" spans="1:22" x14ac:dyDescent="0.25">
      <c r="A13" s="3" t="s">
        <v>22</v>
      </c>
      <c r="B13" s="4" t="s">
        <v>23</v>
      </c>
      <c r="C13" s="3" t="s">
        <v>24</v>
      </c>
      <c r="D13" s="5" t="s">
        <v>107</v>
      </c>
      <c r="E13" s="3" t="s">
        <v>108</v>
      </c>
      <c r="F13" s="3" t="s">
        <v>109</v>
      </c>
      <c r="G13" s="3" t="s">
        <v>110</v>
      </c>
      <c r="H13" s="3" t="s">
        <v>29</v>
      </c>
      <c r="I13" s="3" t="s">
        <v>111</v>
      </c>
      <c r="J13" s="3" t="s">
        <v>112</v>
      </c>
      <c r="K13" s="3" t="s">
        <v>32</v>
      </c>
      <c r="L13" s="3" t="s">
        <v>33</v>
      </c>
      <c r="M13" s="3" t="s">
        <v>74</v>
      </c>
      <c r="N13" s="3" t="s">
        <v>75</v>
      </c>
      <c r="O13" s="3" t="s">
        <v>53</v>
      </c>
      <c r="P13" s="3" t="s">
        <v>37</v>
      </c>
      <c r="Q13" s="3" t="s">
        <v>37</v>
      </c>
      <c r="R13" s="3" t="s">
        <v>39</v>
      </c>
      <c r="S13" s="3" t="s">
        <v>113</v>
      </c>
      <c r="T13" s="3"/>
      <c r="U13" s="3" t="s">
        <v>37</v>
      </c>
      <c r="V13" s="3" t="s">
        <v>37</v>
      </c>
    </row>
    <row r="14" spans="1:22" x14ac:dyDescent="0.25">
      <c r="A14" s="3" t="s">
        <v>22</v>
      </c>
      <c r="B14" s="4" t="s">
        <v>23</v>
      </c>
      <c r="C14" s="3" t="s">
        <v>24</v>
      </c>
      <c r="D14" s="5" t="s">
        <v>114</v>
      </c>
      <c r="E14" s="3" t="s">
        <v>108</v>
      </c>
      <c r="F14" s="3" t="s">
        <v>115</v>
      </c>
      <c r="G14" s="3" t="s">
        <v>116</v>
      </c>
      <c r="H14" s="3" t="s">
        <v>29</v>
      </c>
      <c r="I14" s="3" t="s">
        <v>111</v>
      </c>
      <c r="J14" s="3" t="s">
        <v>117</v>
      </c>
      <c r="K14" s="3" t="s">
        <v>32</v>
      </c>
      <c r="L14" s="3" t="s">
        <v>33</v>
      </c>
      <c r="M14" s="3" t="s">
        <v>74</v>
      </c>
      <c r="N14" s="3" t="s">
        <v>75</v>
      </c>
      <c r="O14" s="3" t="s">
        <v>118</v>
      </c>
      <c r="P14" s="3" t="s">
        <v>37</v>
      </c>
      <c r="Q14" s="3" t="s">
        <v>37</v>
      </c>
      <c r="R14" s="3" t="s">
        <v>39</v>
      </c>
      <c r="S14" s="3" t="s">
        <v>119</v>
      </c>
      <c r="T14" s="3"/>
      <c r="U14" s="3" t="s">
        <v>37</v>
      </c>
      <c r="V14" s="3" t="s">
        <v>37</v>
      </c>
    </row>
    <row r="15" spans="1:22" x14ac:dyDescent="0.25">
      <c r="A15" s="3" t="s">
        <v>22</v>
      </c>
      <c r="B15" s="4" t="s">
        <v>23</v>
      </c>
      <c r="C15" s="3" t="s">
        <v>24</v>
      </c>
      <c r="D15" s="5" t="s">
        <v>120</v>
      </c>
      <c r="E15" s="3" t="s">
        <v>47</v>
      </c>
      <c r="F15" s="3" t="s">
        <v>121</v>
      </c>
      <c r="G15" s="3" t="s">
        <v>122</v>
      </c>
      <c r="H15" s="3" t="s">
        <v>29</v>
      </c>
      <c r="I15" s="3" t="s">
        <v>50</v>
      </c>
      <c r="J15" s="3" t="s">
        <v>123</v>
      </c>
      <c r="K15" s="3" t="s">
        <v>32</v>
      </c>
      <c r="L15" s="3" t="s">
        <v>33</v>
      </c>
      <c r="M15" s="3" t="s">
        <v>34</v>
      </c>
      <c r="N15" s="3" t="s">
        <v>52</v>
      </c>
      <c r="O15" s="3" t="s">
        <v>53</v>
      </c>
      <c r="P15" s="3" t="s">
        <v>54</v>
      </c>
      <c r="Q15" s="3" t="s">
        <v>38</v>
      </c>
      <c r="R15" s="3" t="s">
        <v>39</v>
      </c>
      <c r="S15" s="3" t="s">
        <v>124</v>
      </c>
      <c r="T15" s="3"/>
      <c r="U15" s="3" t="s">
        <v>37</v>
      </c>
      <c r="V15" s="3" t="s">
        <v>37</v>
      </c>
    </row>
    <row r="16" spans="1:22" x14ac:dyDescent="0.25">
      <c r="A16" s="3" t="s">
        <v>22</v>
      </c>
      <c r="B16" s="4" t="s">
        <v>23</v>
      </c>
      <c r="C16" s="3" t="s">
        <v>24</v>
      </c>
      <c r="D16" s="5" t="s">
        <v>125</v>
      </c>
      <c r="E16" s="3" t="s">
        <v>47</v>
      </c>
      <c r="F16" s="3" t="s">
        <v>126</v>
      </c>
      <c r="G16" s="3" t="s">
        <v>28</v>
      </c>
      <c r="H16" s="3" t="s">
        <v>29</v>
      </c>
      <c r="I16" s="3" t="s">
        <v>50</v>
      </c>
      <c r="J16" s="3" t="s">
        <v>127</v>
      </c>
      <c r="K16" s="3" t="s">
        <v>32</v>
      </c>
      <c r="L16" s="3" t="s">
        <v>33</v>
      </c>
      <c r="M16" s="3" t="s">
        <v>34</v>
      </c>
      <c r="N16" s="3" t="s">
        <v>52</v>
      </c>
      <c r="O16" s="3" t="s">
        <v>53</v>
      </c>
      <c r="P16" s="3" t="s">
        <v>54</v>
      </c>
      <c r="Q16" s="3" t="s">
        <v>38</v>
      </c>
      <c r="R16" s="3" t="s">
        <v>39</v>
      </c>
      <c r="S16" s="3" t="s">
        <v>128</v>
      </c>
      <c r="T16" s="3"/>
      <c r="U16" s="3" t="s">
        <v>37</v>
      </c>
      <c r="V16" s="3" t="s">
        <v>37</v>
      </c>
    </row>
    <row r="17" spans="1:22" x14ac:dyDescent="0.25">
      <c r="A17" s="3" t="s">
        <v>22</v>
      </c>
      <c r="B17" s="4" t="s">
        <v>23</v>
      </c>
      <c r="C17" s="3" t="s">
        <v>24</v>
      </c>
      <c r="D17" s="5" t="s">
        <v>129</v>
      </c>
      <c r="E17" s="3" t="s">
        <v>130</v>
      </c>
      <c r="F17" s="3" t="s">
        <v>131</v>
      </c>
      <c r="G17" s="3" t="s">
        <v>132</v>
      </c>
      <c r="H17" s="3" t="s">
        <v>133</v>
      </c>
      <c r="I17" s="3" t="s">
        <v>134</v>
      </c>
      <c r="J17" s="3" t="s">
        <v>135</v>
      </c>
      <c r="K17" s="3" t="s">
        <v>32</v>
      </c>
      <c r="L17" s="3" t="s">
        <v>33</v>
      </c>
      <c r="M17" s="3" t="s">
        <v>74</v>
      </c>
      <c r="N17" s="3" t="s">
        <v>75</v>
      </c>
      <c r="O17" s="3" t="s">
        <v>53</v>
      </c>
      <c r="P17" s="3" t="s">
        <v>54</v>
      </c>
      <c r="Q17" s="3" t="s">
        <v>37</v>
      </c>
      <c r="R17" s="3" t="s">
        <v>39</v>
      </c>
      <c r="S17" s="3" t="s">
        <v>136</v>
      </c>
      <c r="T17" s="3"/>
      <c r="U17" s="3" t="s">
        <v>37</v>
      </c>
      <c r="V17" s="3" t="s">
        <v>37</v>
      </c>
    </row>
    <row r="18" spans="1:22" x14ac:dyDescent="0.25">
      <c r="A18" s="3" t="s">
        <v>22</v>
      </c>
      <c r="B18" s="4" t="s">
        <v>23</v>
      </c>
      <c r="C18" s="3" t="s">
        <v>24</v>
      </c>
      <c r="D18" s="5" t="s">
        <v>137</v>
      </c>
      <c r="E18" s="3" t="s">
        <v>130</v>
      </c>
      <c r="F18" s="3" t="s">
        <v>138</v>
      </c>
      <c r="G18" s="3" t="s">
        <v>139</v>
      </c>
      <c r="H18" s="3" t="s">
        <v>133</v>
      </c>
      <c r="I18" s="3" t="s">
        <v>140</v>
      </c>
      <c r="J18" s="3" t="s">
        <v>141</v>
      </c>
      <c r="K18" s="3" t="s">
        <v>32</v>
      </c>
      <c r="L18" s="3" t="s">
        <v>33</v>
      </c>
      <c r="M18" s="3" t="s">
        <v>74</v>
      </c>
      <c r="N18" s="3" t="s">
        <v>75</v>
      </c>
      <c r="O18" s="3" t="s">
        <v>53</v>
      </c>
      <c r="P18" s="3" t="s">
        <v>54</v>
      </c>
      <c r="Q18" s="3" t="s">
        <v>37</v>
      </c>
      <c r="R18" s="3" t="s">
        <v>39</v>
      </c>
      <c r="S18" s="3" t="s">
        <v>142</v>
      </c>
      <c r="T18" s="3"/>
      <c r="U18" s="3" t="s">
        <v>37</v>
      </c>
      <c r="V18" s="3" t="s">
        <v>37</v>
      </c>
    </row>
    <row r="19" spans="1:22" x14ac:dyDescent="0.25">
      <c r="A19" s="3" t="s">
        <v>22</v>
      </c>
      <c r="B19" s="4" t="s">
        <v>23</v>
      </c>
      <c r="C19" s="3" t="s">
        <v>24</v>
      </c>
      <c r="D19" s="5" t="s">
        <v>143</v>
      </c>
      <c r="E19" s="3" t="s">
        <v>62</v>
      </c>
      <c r="F19" s="3" t="s">
        <v>144</v>
      </c>
      <c r="G19" s="3" t="s">
        <v>145</v>
      </c>
      <c r="H19" s="3" t="s">
        <v>29</v>
      </c>
      <c r="I19" s="3" t="s">
        <v>65</v>
      </c>
      <c r="J19" s="3" t="s">
        <v>146</v>
      </c>
      <c r="K19" s="3" t="s">
        <v>32</v>
      </c>
      <c r="L19" s="3" t="s">
        <v>33</v>
      </c>
      <c r="M19" s="3" t="s">
        <v>34</v>
      </c>
      <c r="N19" s="3" t="s">
        <v>35</v>
      </c>
      <c r="O19" s="3" t="s">
        <v>67</v>
      </c>
      <c r="P19" s="3" t="s">
        <v>37</v>
      </c>
      <c r="Q19" s="3" t="s">
        <v>38</v>
      </c>
      <c r="R19" s="3" t="s">
        <v>39</v>
      </c>
      <c r="S19" s="3" t="s">
        <v>147</v>
      </c>
      <c r="T19" s="3"/>
      <c r="U19" s="3" t="s">
        <v>37</v>
      </c>
      <c r="V19" s="3" t="s">
        <v>37</v>
      </c>
    </row>
    <row r="20" spans="1:22" x14ac:dyDescent="0.25">
      <c r="A20" s="3" t="s">
        <v>22</v>
      </c>
      <c r="B20" s="4" t="s">
        <v>23</v>
      </c>
      <c r="C20" s="3" t="s">
        <v>24</v>
      </c>
      <c r="D20" s="5" t="s">
        <v>148</v>
      </c>
      <c r="E20" s="3" t="s">
        <v>149</v>
      </c>
      <c r="F20" s="3" t="s">
        <v>150</v>
      </c>
      <c r="G20" s="3" t="s">
        <v>29</v>
      </c>
      <c r="H20" s="3" t="s">
        <v>29</v>
      </c>
      <c r="I20" s="3" t="s">
        <v>151</v>
      </c>
      <c r="J20" s="3" t="s">
        <v>152</v>
      </c>
      <c r="K20" s="3" t="s">
        <v>32</v>
      </c>
      <c r="L20" s="3" t="s">
        <v>33</v>
      </c>
      <c r="M20" s="3" t="s">
        <v>34</v>
      </c>
      <c r="N20" s="3" t="s">
        <v>153</v>
      </c>
      <c r="O20" s="3" t="s">
        <v>154</v>
      </c>
      <c r="P20" s="3" t="s">
        <v>37</v>
      </c>
      <c r="Q20" s="3" t="s">
        <v>37</v>
      </c>
      <c r="R20" s="3" t="s">
        <v>39</v>
      </c>
      <c r="S20" s="3" t="s">
        <v>155</v>
      </c>
      <c r="T20" s="3"/>
      <c r="U20" s="3" t="s">
        <v>37</v>
      </c>
      <c r="V20" s="3" t="s">
        <v>37</v>
      </c>
    </row>
    <row r="21" spans="1:22" x14ac:dyDescent="0.25">
      <c r="A21" s="3" t="s">
        <v>22</v>
      </c>
      <c r="B21" s="4" t="s">
        <v>23</v>
      </c>
      <c r="C21" s="3" t="s">
        <v>24</v>
      </c>
      <c r="D21" s="5" t="s">
        <v>156</v>
      </c>
      <c r="E21" s="3" t="s">
        <v>149</v>
      </c>
      <c r="F21" s="3" t="s">
        <v>157</v>
      </c>
      <c r="G21" s="3" t="s">
        <v>133</v>
      </c>
      <c r="H21" s="3" t="s">
        <v>29</v>
      </c>
      <c r="I21" s="3" t="s">
        <v>151</v>
      </c>
      <c r="J21" s="3" t="s">
        <v>158</v>
      </c>
      <c r="K21" s="3" t="s">
        <v>32</v>
      </c>
      <c r="L21" s="3" t="s">
        <v>33</v>
      </c>
      <c r="M21" s="3" t="s">
        <v>34</v>
      </c>
      <c r="N21" s="3" t="s">
        <v>153</v>
      </c>
      <c r="O21" s="3" t="s">
        <v>154</v>
      </c>
      <c r="P21" s="3" t="s">
        <v>37</v>
      </c>
      <c r="Q21" s="3" t="s">
        <v>37</v>
      </c>
      <c r="R21" s="3" t="s">
        <v>39</v>
      </c>
      <c r="S21" s="3" t="s">
        <v>159</v>
      </c>
      <c r="T21" s="3"/>
      <c r="U21" s="3" t="s">
        <v>37</v>
      </c>
      <c r="V21" s="3" t="s">
        <v>37</v>
      </c>
    </row>
    <row r="22" spans="1:22" x14ac:dyDescent="0.25">
      <c r="A22" s="3" t="s">
        <v>22</v>
      </c>
      <c r="B22" s="4" t="s">
        <v>23</v>
      </c>
      <c r="C22" s="3" t="s">
        <v>24</v>
      </c>
      <c r="D22" s="5" t="s">
        <v>160</v>
      </c>
      <c r="E22" s="3" t="s">
        <v>149</v>
      </c>
      <c r="F22" s="3" t="s">
        <v>161</v>
      </c>
      <c r="G22" s="3" t="s">
        <v>88</v>
      </c>
      <c r="H22" s="3" t="s">
        <v>29</v>
      </c>
      <c r="I22" s="3" t="s">
        <v>151</v>
      </c>
      <c r="J22" s="3" t="s">
        <v>162</v>
      </c>
      <c r="K22" s="3" t="s">
        <v>32</v>
      </c>
      <c r="L22" s="3" t="s">
        <v>33</v>
      </c>
      <c r="M22" s="3" t="s">
        <v>34</v>
      </c>
      <c r="N22" s="3" t="s">
        <v>153</v>
      </c>
      <c r="O22" s="3" t="s">
        <v>154</v>
      </c>
      <c r="P22" s="3" t="s">
        <v>37</v>
      </c>
      <c r="Q22" s="3" t="s">
        <v>37</v>
      </c>
      <c r="R22" s="3" t="s">
        <v>39</v>
      </c>
      <c r="S22" s="3" t="s">
        <v>163</v>
      </c>
      <c r="T22" s="3"/>
      <c r="U22" s="3" t="s">
        <v>37</v>
      </c>
      <c r="V22" s="3" t="s">
        <v>37</v>
      </c>
    </row>
    <row r="23" spans="1:22" x14ac:dyDescent="0.25">
      <c r="A23" s="3" t="s">
        <v>22</v>
      </c>
      <c r="B23" s="4" t="s">
        <v>23</v>
      </c>
      <c r="C23" s="3" t="s">
        <v>24</v>
      </c>
      <c r="D23" s="5" t="s">
        <v>164</v>
      </c>
      <c r="E23" s="3" t="s">
        <v>165</v>
      </c>
      <c r="F23" s="3" t="s">
        <v>166</v>
      </c>
      <c r="G23" s="3" t="s">
        <v>167</v>
      </c>
      <c r="H23" s="3" t="s">
        <v>133</v>
      </c>
      <c r="I23" s="3" t="s">
        <v>168</v>
      </c>
      <c r="J23" s="3" t="s">
        <v>169</v>
      </c>
      <c r="K23" s="3" t="s">
        <v>32</v>
      </c>
      <c r="L23" s="3" t="s">
        <v>33</v>
      </c>
      <c r="M23" s="3" t="s">
        <v>74</v>
      </c>
      <c r="N23" s="3" t="s">
        <v>153</v>
      </c>
      <c r="O23" s="3" t="s">
        <v>53</v>
      </c>
      <c r="P23" s="3" t="s">
        <v>54</v>
      </c>
      <c r="Q23" s="3" t="s">
        <v>37</v>
      </c>
      <c r="R23" s="3" t="s">
        <v>39</v>
      </c>
      <c r="S23" s="3" t="s">
        <v>170</v>
      </c>
      <c r="T23" s="3"/>
      <c r="U23" s="3" t="s">
        <v>37</v>
      </c>
      <c r="V23" s="3" t="s">
        <v>37</v>
      </c>
    </row>
    <row r="24" spans="1:22" x14ac:dyDescent="0.25">
      <c r="A24" s="3" t="s">
        <v>22</v>
      </c>
      <c r="B24" s="4" t="s">
        <v>23</v>
      </c>
      <c r="C24" s="3" t="s">
        <v>24</v>
      </c>
      <c r="D24" s="5" t="s">
        <v>171</v>
      </c>
      <c r="E24" s="3" t="s">
        <v>165</v>
      </c>
      <c r="F24" s="3" t="s">
        <v>172</v>
      </c>
      <c r="G24" s="3" t="s">
        <v>173</v>
      </c>
      <c r="H24" s="3" t="s">
        <v>133</v>
      </c>
      <c r="I24" s="3" t="s">
        <v>174</v>
      </c>
      <c r="J24" s="3" t="s">
        <v>175</v>
      </c>
      <c r="K24" s="3" t="s">
        <v>32</v>
      </c>
      <c r="L24" s="3" t="s">
        <v>33</v>
      </c>
      <c r="M24" s="3" t="s">
        <v>74</v>
      </c>
      <c r="N24" s="3" t="s">
        <v>153</v>
      </c>
      <c r="O24" s="3" t="s">
        <v>53</v>
      </c>
      <c r="P24" s="3" t="s">
        <v>54</v>
      </c>
      <c r="Q24" s="3" t="s">
        <v>37</v>
      </c>
      <c r="R24" s="3" t="s">
        <v>39</v>
      </c>
      <c r="S24" s="3" t="s">
        <v>176</v>
      </c>
      <c r="T24" s="3"/>
      <c r="U24" s="3" t="s">
        <v>37</v>
      </c>
      <c r="V24" s="3" t="s">
        <v>37</v>
      </c>
    </row>
    <row r="25" spans="1:22" x14ac:dyDescent="0.25">
      <c r="A25" s="3" t="s">
        <v>22</v>
      </c>
      <c r="B25" s="4" t="s">
        <v>23</v>
      </c>
      <c r="C25" s="3" t="s">
        <v>24</v>
      </c>
      <c r="D25" s="5" t="s">
        <v>177</v>
      </c>
      <c r="E25" s="3" t="s">
        <v>178</v>
      </c>
      <c r="F25" s="3" t="s">
        <v>37</v>
      </c>
      <c r="G25" s="3" t="s">
        <v>37</v>
      </c>
      <c r="H25" s="3" t="s">
        <v>37</v>
      </c>
      <c r="I25" s="3" t="s">
        <v>179</v>
      </c>
      <c r="J25" s="3" t="s">
        <v>180</v>
      </c>
      <c r="K25" s="3" t="s">
        <v>81</v>
      </c>
      <c r="L25" s="3" t="s">
        <v>82</v>
      </c>
      <c r="M25" s="3" t="s">
        <v>34</v>
      </c>
      <c r="N25" s="3" t="s">
        <v>181</v>
      </c>
      <c r="O25" s="3" t="s">
        <v>37</v>
      </c>
      <c r="P25" s="3" t="s">
        <v>37</v>
      </c>
      <c r="Q25" s="3" t="s">
        <v>37</v>
      </c>
      <c r="R25" s="3" t="s">
        <v>39</v>
      </c>
      <c r="S25" s="3" t="s">
        <v>182</v>
      </c>
      <c r="T25" s="3"/>
      <c r="U25" s="3" t="s">
        <v>37</v>
      </c>
      <c r="V25" s="3" t="s">
        <v>37</v>
      </c>
    </row>
    <row r="26" spans="1:22" x14ac:dyDescent="0.25">
      <c r="A26" s="3" t="s">
        <v>22</v>
      </c>
      <c r="B26" s="4" t="s">
        <v>23</v>
      </c>
      <c r="C26" s="3" t="s">
        <v>24</v>
      </c>
      <c r="D26" s="5" t="s">
        <v>183</v>
      </c>
      <c r="E26" s="3" t="s">
        <v>184</v>
      </c>
      <c r="F26" s="3" t="s">
        <v>185</v>
      </c>
      <c r="G26" s="3" t="s">
        <v>139</v>
      </c>
      <c r="H26" s="3" t="s">
        <v>88</v>
      </c>
      <c r="I26" s="3" t="s">
        <v>186</v>
      </c>
      <c r="J26" s="3" t="s">
        <v>187</v>
      </c>
      <c r="K26" s="3" t="s">
        <v>32</v>
      </c>
      <c r="L26" s="3" t="s">
        <v>82</v>
      </c>
      <c r="M26" s="3" t="s">
        <v>74</v>
      </c>
      <c r="N26" s="3" t="s">
        <v>75</v>
      </c>
      <c r="O26" s="3" t="s">
        <v>53</v>
      </c>
      <c r="P26" s="3" t="s">
        <v>54</v>
      </c>
      <c r="Q26" s="3" t="s">
        <v>37</v>
      </c>
      <c r="R26" s="3" t="s">
        <v>39</v>
      </c>
      <c r="S26" s="3" t="s">
        <v>188</v>
      </c>
      <c r="T26" s="3"/>
      <c r="U26" s="3" t="s">
        <v>37</v>
      </c>
      <c r="V26" s="3" t="s">
        <v>37</v>
      </c>
    </row>
    <row r="27" spans="1:22" x14ac:dyDescent="0.25">
      <c r="A27" s="3" t="s">
        <v>22</v>
      </c>
      <c r="B27" s="4" t="s">
        <v>23</v>
      </c>
      <c r="C27" s="3" t="s">
        <v>24</v>
      </c>
      <c r="D27" s="5" t="s">
        <v>189</v>
      </c>
      <c r="E27" s="3" t="s">
        <v>184</v>
      </c>
      <c r="F27" s="3" t="s">
        <v>190</v>
      </c>
      <c r="G27" s="3" t="s">
        <v>191</v>
      </c>
      <c r="H27" s="3" t="s">
        <v>88</v>
      </c>
      <c r="I27" s="3" t="s">
        <v>192</v>
      </c>
      <c r="J27" s="3" t="s">
        <v>193</v>
      </c>
      <c r="K27" s="3" t="s">
        <v>32</v>
      </c>
      <c r="L27" s="3" t="s">
        <v>82</v>
      </c>
      <c r="M27" s="3" t="s">
        <v>74</v>
      </c>
      <c r="N27" s="3" t="s">
        <v>75</v>
      </c>
      <c r="O27" s="3" t="s">
        <v>53</v>
      </c>
      <c r="P27" s="3" t="s">
        <v>54</v>
      </c>
      <c r="Q27" s="3" t="s">
        <v>37</v>
      </c>
      <c r="R27" s="3" t="s">
        <v>39</v>
      </c>
      <c r="S27" s="3" t="s">
        <v>194</v>
      </c>
      <c r="T27" s="3"/>
      <c r="U27" s="3" t="s">
        <v>37</v>
      </c>
      <c r="V27" s="3" t="s">
        <v>37</v>
      </c>
    </row>
    <row r="28" spans="1:22" x14ac:dyDescent="0.25">
      <c r="A28" s="3" t="s">
        <v>22</v>
      </c>
      <c r="B28" s="4" t="s">
        <v>23</v>
      </c>
      <c r="C28" s="3" t="s">
        <v>24</v>
      </c>
      <c r="D28" s="5" t="s">
        <v>195</v>
      </c>
      <c r="E28" s="3" t="s">
        <v>184</v>
      </c>
      <c r="F28" s="3" t="s">
        <v>196</v>
      </c>
      <c r="G28" s="3" t="s">
        <v>197</v>
      </c>
      <c r="H28" s="3" t="s">
        <v>88</v>
      </c>
      <c r="I28" s="3" t="s">
        <v>198</v>
      </c>
      <c r="J28" s="3" t="s">
        <v>199</v>
      </c>
      <c r="K28" s="3" t="s">
        <v>32</v>
      </c>
      <c r="L28" s="3" t="s">
        <v>82</v>
      </c>
      <c r="M28" s="3" t="s">
        <v>74</v>
      </c>
      <c r="N28" s="3" t="s">
        <v>75</v>
      </c>
      <c r="O28" s="3" t="s">
        <v>36</v>
      </c>
      <c r="P28" s="3" t="s">
        <v>54</v>
      </c>
      <c r="Q28" s="3" t="s">
        <v>37</v>
      </c>
      <c r="R28" s="3" t="s">
        <v>39</v>
      </c>
      <c r="S28" s="3" t="s">
        <v>200</v>
      </c>
      <c r="T28" s="3"/>
      <c r="U28" s="3" t="s">
        <v>37</v>
      </c>
      <c r="V28" s="3" t="s">
        <v>37</v>
      </c>
    </row>
    <row r="29" spans="1:22" x14ac:dyDescent="0.25">
      <c r="A29" s="3" t="s">
        <v>22</v>
      </c>
      <c r="B29" s="4" t="s">
        <v>23</v>
      </c>
      <c r="C29" s="3" t="s">
        <v>24</v>
      </c>
      <c r="D29" s="5" t="s">
        <v>201</v>
      </c>
      <c r="E29" s="3" t="s">
        <v>47</v>
      </c>
      <c r="F29" s="3" t="s">
        <v>202</v>
      </c>
      <c r="G29" s="3" t="s">
        <v>88</v>
      </c>
      <c r="H29" s="3" t="s">
        <v>29</v>
      </c>
      <c r="I29" s="3" t="s">
        <v>50</v>
      </c>
      <c r="J29" s="3" t="s">
        <v>203</v>
      </c>
      <c r="K29" s="3" t="s">
        <v>32</v>
      </c>
      <c r="L29" s="3" t="s">
        <v>33</v>
      </c>
      <c r="M29" s="3" t="s">
        <v>34</v>
      </c>
      <c r="N29" s="3" t="s">
        <v>52</v>
      </c>
      <c r="O29" s="3" t="s">
        <v>53</v>
      </c>
      <c r="P29" s="3" t="s">
        <v>54</v>
      </c>
      <c r="Q29" s="3" t="s">
        <v>38</v>
      </c>
      <c r="R29" s="3" t="s">
        <v>39</v>
      </c>
      <c r="S29" s="3" t="s">
        <v>204</v>
      </c>
      <c r="T29" s="3"/>
      <c r="U29" s="3" t="s">
        <v>37</v>
      </c>
      <c r="V29" s="3" t="s">
        <v>37</v>
      </c>
    </row>
    <row r="30" spans="1:22" x14ac:dyDescent="0.25">
      <c r="A30" s="3" t="s">
        <v>22</v>
      </c>
      <c r="B30" s="4" t="s">
        <v>23</v>
      </c>
      <c r="C30" s="3" t="s">
        <v>24</v>
      </c>
      <c r="D30" s="5" t="s">
        <v>205</v>
      </c>
      <c r="E30" s="3" t="s">
        <v>47</v>
      </c>
      <c r="F30" s="3" t="s">
        <v>206</v>
      </c>
      <c r="G30" s="3" t="s">
        <v>207</v>
      </c>
      <c r="H30" s="3" t="s">
        <v>29</v>
      </c>
      <c r="I30" s="3" t="s">
        <v>50</v>
      </c>
      <c r="J30" s="3" t="s">
        <v>208</v>
      </c>
      <c r="K30" s="3" t="s">
        <v>32</v>
      </c>
      <c r="L30" s="3" t="s">
        <v>33</v>
      </c>
      <c r="M30" s="3" t="s">
        <v>34</v>
      </c>
      <c r="N30" s="3" t="s">
        <v>52</v>
      </c>
      <c r="O30" s="3" t="s">
        <v>53</v>
      </c>
      <c r="P30" s="3" t="s">
        <v>54</v>
      </c>
      <c r="Q30" s="3" t="s">
        <v>38</v>
      </c>
      <c r="R30" s="3" t="s">
        <v>39</v>
      </c>
      <c r="S30" s="3" t="s">
        <v>209</v>
      </c>
      <c r="T30" s="3"/>
      <c r="U30" s="3" t="s">
        <v>37</v>
      </c>
      <c r="V30" s="3" t="s">
        <v>37</v>
      </c>
    </row>
    <row r="31" spans="1:22" x14ac:dyDescent="0.25">
      <c r="A31" s="3" t="s">
        <v>22</v>
      </c>
      <c r="B31" s="4" t="s">
        <v>23</v>
      </c>
      <c r="C31" s="3" t="s">
        <v>24</v>
      </c>
      <c r="D31" s="5" t="s">
        <v>210</v>
      </c>
      <c r="E31" s="3" t="s">
        <v>47</v>
      </c>
      <c r="F31" s="3" t="s">
        <v>211</v>
      </c>
      <c r="G31" s="3" t="s">
        <v>212</v>
      </c>
      <c r="H31" s="3" t="s">
        <v>29</v>
      </c>
      <c r="I31" s="3" t="s">
        <v>50</v>
      </c>
      <c r="J31" s="3" t="s">
        <v>213</v>
      </c>
      <c r="K31" s="3" t="s">
        <v>32</v>
      </c>
      <c r="L31" s="3" t="s">
        <v>33</v>
      </c>
      <c r="M31" s="3" t="s">
        <v>34</v>
      </c>
      <c r="N31" s="3" t="s">
        <v>52</v>
      </c>
      <c r="O31" s="3" t="s">
        <v>53</v>
      </c>
      <c r="P31" s="3" t="s">
        <v>54</v>
      </c>
      <c r="Q31" s="3" t="s">
        <v>38</v>
      </c>
      <c r="R31" s="3" t="s">
        <v>39</v>
      </c>
      <c r="S31" s="3" t="s">
        <v>214</v>
      </c>
      <c r="T31" s="3"/>
      <c r="U31" s="3" t="s">
        <v>37</v>
      </c>
      <c r="V31" s="3" t="s">
        <v>37</v>
      </c>
    </row>
    <row r="32" spans="1:22" x14ac:dyDescent="0.25">
      <c r="A32" s="3" t="s">
        <v>22</v>
      </c>
      <c r="B32" s="4" t="s">
        <v>23</v>
      </c>
      <c r="C32" s="3" t="s">
        <v>24</v>
      </c>
      <c r="D32" s="5" t="s">
        <v>215</v>
      </c>
      <c r="E32" s="3" t="s">
        <v>47</v>
      </c>
      <c r="F32" s="3" t="s">
        <v>216</v>
      </c>
      <c r="G32" s="3" t="s">
        <v>217</v>
      </c>
      <c r="H32" s="3" t="s">
        <v>29</v>
      </c>
      <c r="I32" s="3" t="s">
        <v>50</v>
      </c>
      <c r="J32" s="3" t="s">
        <v>218</v>
      </c>
      <c r="K32" s="3" t="s">
        <v>32</v>
      </c>
      <c r="L32" s="3" t="s">
        <v>33</v>
      </c>
      <c r="M32" s="3" t="s">
        <v>34</v>
      </c>
      <c r="N32" s="3" t="s">
        <v>52</v>
      </c>
      <c r="O32" s="3" t="s">
        <v>53</v>
      </c>
      <c r="P32" s="3" t="s">
        <v>54</v>
      </c>
      <c r="Q32" s="3" t="s">
        <v>38</v>
      </c>
      <c r="R32" s="3" t="s">
        <v>39</v>
      </c>
      <c r="S32" s="3" t="s">
        <v>219</v>
      </c>
      <c r="T32" s="3"/>
      <c r="U32" s="3" t="s">
        <v>37</v>
      </c>
      <c r="V32" s="3" t="s">
        <v>37</v>
      </c>
    </row>
    <row r="33" spans="1:22" x14ac:dyDescent="0.25">
      <c r="A33" s="3" t="s">
        <v>22</v>
      </c>
      <c r="B33" s="4" t="s">
        <v>23</v>
      </c>
      <c r="C33" s="3" t="s">
        <v>24</v>
      </c>
      <c r="D33" s="5" t="s">
        <v>220</v>
      </c>
      <c r="E33" s="3" t="s">
        <v>102</v>
      </c>
      <c r="F33" s="3" t="s">
        <v>221</v>
      </c>
      <c r="G33" s="3" t="s">
        <v>72</v>
      </c>
      <c r="H33" s="3" t="s">
        <v>29</v>
      </c>
      <c r="I33" s="3" t="s">
        <v>37</v>
      </c>
      <c r="J33" s="3" t="s">
        <v>222</v>
      </c>
      <c r="K33" s="3" t="s">
        <v>32</v>
      </c>
      <c r="L33" s="3" t="s">
        <v>82</v>
      </c>
      <c r="M33" s="3" t="s">
        <v>74</v>
      </c>
      <c r="N33" s="3" t="s">
        <v>75</v>
      </c>
      <c r="O33" s="3" t="s">
        <v>53</v>
      </c>
      <c r="P33" s="3" t="s">
        <v>37</v>
      </c>
      <c r="Q33" s="3" t="s">
        <v>37</v>
      </c>
      <c r="R33" s="3" t="s">
        <v>39</v>
      </c>
      <c r="S33" s="3" t="s">
        <v>223</v>
      </c>
      <c r="T33" s="3"/>
      <c r="U33" s="3" t="s">
        <v>37</v>
      </c>
      <c r="V33" s="3" t="s">
        <v>37</v>
      </c>
    </row>
    <row r="34" spans="1:22" x14ac:dyDescent="0.25">
      <c r="A34" s="3" t="s">
        <v>22</v>
      </c>
      <c r="B34" s="4" t="s">
        <v>23</v>
      </c>
      <c r="C34" s="3" t="s">
        <v>24</v>
      </c>
      <c r="D34" s="5" t="s">
        <v>224</v>
      </c>
      <c r="E34" s="3" t="s">
        <v>102</v>
      </c>
      <c r="F34" s="3" t="s">
        <v>225</v>
      </c>
      <c r="G34" s="3" t="s">
        <v>226</v>
      </c>
      <c r="H34" s="3" t="s">
        <v>29</v>
      </c>
      <c r="I34" s="3" t="s">
        <v>37</v>
      </c>
      <c r="J34" s="3" t="s">
        <v>227</v>
      </c>
      <c r="K34" s="3" t="s">
        <v>32</v>
      </c>
      <c r="L34" s="3" t="s">
        <v>82</v>
      </c>
      <c r="M34" s="3" t="s">
        <v>74</v>
      </c>
      <c r="N34" s="3" t="s">
        <v>75</v>
      </c>
      <c r="O34" s="3" t="s">
        <v>36</v>
      </c>
      <c r="P34" s="3" t="s">
        <v>37</v>
      </c>
      <c r="Q34" s="3" t="s">
        <v>37</v>
      </c>
      <c r="R34" s="3" t="s">
        <v>39</v>
      </c>
      <c r="S34" s="3" t="s">
        <v>228</v>
      </c>
      <c r="T34" s="3"/>
      <c r="U34" s="3" t="s">
        <v>37</v>
      </c>
      <c r="V34" s="3" t="s">
        <v>37</v>
      </c>
    </row>
    <row r="35" spans="1:22" x14ac:dyDescent="0.25">
      <c r="A35" s="3" t="s">
        <v>22</v>
      </c>
      <c r="B35" s="4" t="s">
        <v>23</v>
      </c>
      <c r="C35" s="3" t="s">
        <v>24</v>
      </c>
      <c r="D35" s="5" t="s">
        <v>229</v>
      </c>
      <c r="E35" s="3" t="s">
        <v>230</v>
      </c>
      <c r="F35" s="3" t="s">
        <v>231</v>
      </c>
      <c r="G35" s="3" t="s">
        <v>232</v>
      </c>
      <c r="H35" s="3" t="s">
        <v>29</v>
      </c>
      <c r="I35" s="3" t="s">
        <v>37</v>
      </c>
      <c r="J35" s="3" t="s">
        <v>233</v>
      </c>
      <c r="K35" s="3" t="s">
        <v>32</v>
      </c>
      <c r="L35" s="3" t="s">
        <v>82</v>
      </c>
      <c r="M35" s="3" t="s">
        <v>74</v>
      </c>
      <c r="N35" s="3" t="s">
        <v>234</v>
      </c>
      <c r="O35" s="3" t="s">
        <v>53</v>
      </c>
      <c r="P35" s="3" t="s">
        <v>37</v>
      </c>
      <c r="Q35" s="3" t="s">
        <v>37</v>
      </c>
      <c r="R35" s="3" t="s">
        <v>39</v>
      </c>
      <c r="S35" s="3" t="s">
        <v>235</v>
      </c>
      <c r="T35" s="3"/>
      <c r="U35" s="3" t="s">
        <v>37</v>
      </c>
      <c r="V35" s="3" t="s">
        <v>37</v>
      </c>
    </row>
    <row r="36" spans="1:22" x14ac:dyDescent="0.25">
      <c r="A36" s="3" t="s">
        <v>22</v>
      </c>
      <c r="B36" s="4" t="s">
        <v>23</v>
      </c>
      <c r="C36" s="3" t="s">
        <v>24</v>
      </c>
      <c r="D36" s="5" t="s">
        <v>236</v>
      </c>
      <c r="E36" s="3" t="s">
        <v>230</v>
      </c>
      <c r="F36" s="3" t="s">
        <v>237</v>
      </c>
      <c r="G36" s="3" t="s">
        <v>58</v>
      </c>
      <c r="H36" s="3" t="s">
        <v>29</v>
      </c>
      <c r="I36" s="3" t="s">
        <v>37</v>
      </c>
      <c r="J36" s="3" t="s">
        <v>238</v>
      </c>
      <c r="K36" s="3" t="s">
        <v>32</v>
      </c>
      <c r="L36" s="3" t="s">
        <v>82</v>
      </c>
      <c r="M36" s="3" t="s">
        <v>74</v>
      </c>
      <c r="N36" s="3" t="s">
        <v>234</v>
      </c>
      <c r="O36" s="3" t="s">
        <v>53</v>
      </c>
      <c r="P36" s="3" t="s">
        <v>37</v>
      </c>
      <c r="Q36" s="3" t="s">
        <v>37</v>
      </c>
      <c r="R36" s="3" t="s">
        <v>39</v>
      </c>
      <c r="S36" s="3" t="s">
        <v>239</v>
      </c>
      <c r="T36" s="3"/>
      <c r="U36" s="3" t="s">
        <v>37</v>
      </c>
      <c r="V36" s="3" t="s">
        <v>37</v>
      </c>
    </row>
    <row r="37" spans="1:22" x14ac:dyDescent="0.25">
      <c r="A37" s="3" t="s">
        <v>22</v>
      </c>
      <c r="B37" s="4" t="s">
        <v>23</v>
      </c>
      <c r="C37" s="3" t="s">
        <v>24</v>
      </c>
      <c r="D37" s="5" t="s">
        <v>240</v>
      </c>
      <c r="E37" s="3" t="s">
        <v>241</v>
      </c>
      <c r="F37" s="3" t="s">
        <v>242</v>
      </c>
      <c r="G37" s="3" t="s">
        <v>87</v>
      </c>
      <c r="H37" s="3" t="s">
        <v>88</v>
      </c>
      <c r="I37" s="3" t="s">
        <v>37</v>
      </c>
      <c r="J37" s="3" t="s">
        <v>243</v>
      </c>
      <c r="K37" s="3" t="s">
        <v>32</v>
      </c>
      <c r="L37" s="3" t="s">
        <v>82</v>
      </c>
      <c r="M37" s="3" t="s">
        <v>74</v>
      </c>
      <c r="N37" s="3" t="s">
        <v>75</v>
      </c>
      <c r="O37" s="3" t="s">
        <v>36</v>
      </c>
      <c r="P37" s="3" t="s">
        <v>37</v>
      </c>
      <c r="Q37" s="3" t="s">
        <v>37</v>
      </c>
      <c r="R37" s="3" t="s">
        <v>39</v>
      </c>
      <c r="S37" s="3" t="s">
        <v>244</v>
      </c>
      <c r="T37" s="3"/>
      <c r="U37" s="3" t="s">
        <v>37</v>
      </c>
      <c r="V37" s="3" t="s">
        <v>37</v>
      </c>
    </row>
    <row r="38" spans="1:22" x14ac:dyDescent="0.25">
      <c r="A38" s="3" t="s">
        <v>22</v>
      </c>
      <c r="B38" s="4" t="s">
        <v>23</v>
      </c>
      <c r="C38" s="3" t="s">
        <v>24</v>
      </c>
      <c r="D38" s="5" t="s">
        <v>245</v>
      </c>
      <c r="E38" s="3" t="s">
        <v>241</v>
      </c>
      <c r="F38" s="3" t="s">
        <v>246</v>
      </c>
      <c r="G38" s="3" t="s">
        <v>93</v>
      </c>
      <c r="H38" s="3" t="s">
        <v>88</v>
      </c>
      <c r="I38" s="3" t="s">
        <v>37</v>
      </c>
      <c r="J38" s="3" t="s">
        <v>247</v>
      </c>
      <c r="K38" s="3" t="s">
        <v>32</v>
      </c>
      <c r="L38" s="3" t="s">
        <v>82</v>
      </c>
      <c r="M38" s="3" t="s">
        <v>74</v>
      </c>
      <c r="N38" s="3" t="s">
        <v>75</v>
      </c>
      <c r="O38" s="3" t="s">
        <v>36</v>
      </c>
      <c r="P38" s="3" t="s">
        <v>37</v>
      </c>
      <c r="Q38" s="3" t="s">
        <v>37</v>
      </c>
      <c r="R38" s="3" t="s">
        <v>39</v>
      </c>
      <c r="S38" s="3" t="s">
        <v>248</v>
      </c>
      <c r="T38" s="3"/>
      <c r="U38" s="3" t="s">
        <v>37</v>
      </c>
      <c r="V38" s="3" t="s">
        <v>37</v>
      </c>
    </row>
    <row r="39" spans="1:22" x14ac:dyDescent="0.25">
      <c r="A39" s="3"/>
      <c r="B39" s="4"/>
      <c r="C39" s="3"/>
      <c r="D39" s="5"/>
      <c r="E39" s="6" t="s">
        <v>249</v>
      </c>
      <c r="F39" s="3"/>
      <c r="G39" s="3"/>
      <c r="H39" s="3"/>
      <c r="I39" s="3"/>
      <c r="J39" s="3"/>
      <c r="K39" s="3"/>
      <c r="L39" s="3"/>
      <c r="M39" s="3"/>
      <c r="N39" s="3"/>
      <c r="O39" s="3"/>
      <c r="P39" s="3"/>
      <c r="Q39" s="3"/>
      <c r="R39" s="3"/>
      <c r="S39" s="3"/>
      <c r="T39" s="3"/>
      <c r="U39" s="3"/>
      <c r="V39" s="3"/>
    </row>
    <row r="40" spans="1:22" x14ac:dyDescent="0.25">
      <c r="A40" s="3"/>
      <c r="B40" s="4"/>
      <c r="C40" s="3"/>
      <c r="D40" s="5"/>
      <c r="E40" s="6"/>
      <c r="F40" s="3"/>
      <c r="G40" s="3"/>
      <c r="H40" s="3"/>
      <c r="I40" s="3"/>
      <c r="J40" s="3"/>
      <c r="K40" s="3"/>
      <c r="L40" s="3"/>
      <c r="M40" s="3"/>
      <c r="N40" s="3"/>
      <c r="O40" s="3"/>
      <c r="P40" s="3"/>
      <c r="Q40" s="3"/>
      <c r="R40" s="3"/>
      <c r="S40" s="3"/>
      <c r="T40" s="3"/>
      <c r="U40" s="3"/>
      <c r="V40" s="3"/>
    </row>
    <row r="41" spans="1:22" x14ac:dyDescent="0.25">
      <c r="A41" s="3" t="s">
        <v>22</v>
      </c>
      <c r="B41" s="4" t="s">
        <v>250</v>
      </c>
      <c r="C41" s="3" t="s">
        <v>251</v>
      </c>
      <c r="D41" s="5" t="s">
        <v>25</v>
      </c>
      <c r="E41" s="3" t="s">
        <v>252</v>
      </c>
      <c r="F41" s="3" t="s">
        <v>253</v>
      </c>
      <c r="G41" s="3" t="s">
        <v>254</v>
      </c>
      <c r="H41" s="3" t="s">
        <v>29</v>
      </c>
      <c r="I41" s="3" t="s">
        <v>255</v>
      </c>
      <c r="J41" s="3" t="s">
        <v>256</v>
      </c>
      <c r="K41" s="3" t="s">
        <v>32</v>
      </c>
      <c r="L41" s="3" t="s">
        <v>33</v>
      </c>
      <c r="M41" s="3" t="s">
        <v>257</v>
      </c>
      <c r="N41" s="3" t="s">
        <v>75</v>
      </c>
      <c r="O41" s="3" t="s">
        <v>258</v>
      </c>
      <c r="P41" s="3" t="s">
        <v>37</v>
      </c>
      <c r="Q41" s="3" t="s">
        <v>37</v>
      </c>
      <c r="R41" s="3" t="s">
        <v>39</v>
      </c>
      <c r="S41" s="3" t="s">
        <v>259</v>
      </c>
      <c r="T41" s="3"/>
      <c r="U41" s="3" t="s">
        <v>37</v>
      </c>
      <c r="V41" s="3" t="s">
        <v>37</v>
      </c>
    </row>
    <row r="42" spans="1:22" x14ac:dyDescent="0.25">
      <c r="A42" s="3" t="s">
        <v>22</v>
      </c>
      <c r="B42" s="4" t="s">
        <v>250</v>
      </c>
      <c r="C42" s="3" t="s">
        <v>251</v>
      </c>
      <c r="D42" s="5" t="s">
        <v>260</v>
      </c>
      <c r="E42" s="3" t="s">
        <v>252</v>
      </c>
      <c r="F42" s="3" t="s">
        <v>261</v>
      </c>
      <c r="G42" s="3" t="s">
        <v>262</v>
      </c>
      <c r="H42" s="3" t="s">
        <v>29</v>
      </c>
      <c r="I42" s="3" t="s">
        <v>255</v>
      </c>
      <c r="J42" s="3" t="s">
        <v>263</v>
      </c>
      <c r="K42" s="3" t="s">
        <v>32</v>
      </c>
      <c r="L42" s="3" t="s">
        <v>33</v>
      </c>
      <c r="M42" s="3" t="s">
        <v>257</v>
      </c>
      <c r="N42" s="3" t="s">
        <v>75</v>
      </c>
      <c r="O42" s="3" t="s">
        <v>258</v>
      </c>
      <c r="P42" s="3" t="s">
        <v>37</v>
      </c>
      <c r="Q42" s="3" t="s">
        <v>37</v>
      </c>
      <c r="R42" s="3" t="s">
        <v>39</v>
      </c>
      <c r="S42" s="3" t="s">
        <v>264</v>
      </c>
      <c r="T42" s="3"/>
      <c r="U42" s="3" t="s">
        <v>37</v>
      </c>
      <c r="V42" s="3" t="s">
        <v>37</v>
      </c>
    </row>
    <row r="43" spans="1:22" x14ac:dyDescent="0.25">
      <c r="A43" s="3" t="s">
        <v>22</v>
      </c>
      <c r="B43" s="4" t="s">
        <v>250</v>
      </c>
      <c r="C43" s="3" t="s">
        <v>251</v>
      </c>
      <c r="D43" s="5" t="s">
        <v>41</v>
      </c>
      <c r="E43" s="3" t="s">
        <v>252</v>
      </c>
      <c r="F43" s="3" t="s">
        <v>265</v>
      </c>
      <c r="G43" s="3" t="s">
        <v>72</v>
      </c>
      <c r="H43" s="3" t="s">
        <v>29</v>
      </c>
      <c r="I43" s="3" t="s">
        <v>255</v>
      </c>
      <c r="J43" s="3" t="s">
        <v>266</v>
      </c>
      <c r="K43" s="3" t="s">
        <v>32</v>
      </c>
      <c r="L43" s="3" t="s">
        <v>33</v>
      </c>
      <c r="M43" s="3" t="s">
        <v>257</v>
      </c>
      <c r="N43" s="3" t="s">
        <v>75</v>
      </c>
      <c r="O43" s="3" t="s">
        <v>258</v>
      </c>
      <c r="P43" s="3" t="s">
        <v>37</v>
      </c>
      <c r="Q43" s="3" t="s">
        <v>37</v>
      </c>
      <c r="R43" s="3" t="s">
        <v>39</v>
      </c>
      <c r="S43" s="3" t="s">
        <v>267</v>
      </c>
      <c r="T43" s="3"/>
      <c r="U43" s="3" t="s">
        <v>37</v>
      </c>
      <c r="V43" s="3" t="s">
        <v>37</v>
      </c>
    </row>
    <row r="44" spans="1:22" x14ac:dyDescent="0.25">
      <c r="A44" s="3" t="s">
        <v>22</v>
      </c>
      <c r="B44" s="4" t="s">
        <v>250</v>
      </c>
      <c r="C44" s="3" t="s">
        <v>251</v>
      </c>
      <c r="D44" s="5" t="s">
        <v>268</v>
      </c>
      <c r="E44" s="3" t="s">
        <v>252</v>
      </c>
      <c r="F44" s="3" t="s">
        <v>269</v>
      </c>
      <c r="G44" s="3" t="s">
        <v>49</v>
      </c>
      <c r="H44" s="3" t="s">
        <v>29</v>
      </c>
      <c r="I44" s="3" t="s">
        <v>255</v>
      </c>
      <c r="J44" s="3" t="s">
        <v>270</v>
      </c>
      <c r="K44" s="3" t="s">
        <v>32</v>
      </c>
      <c r="L44" s="3" t="s">
        <v>33</v>
      </c>
      <c r="M44" s="3" t="s">
        <v>257</v>
      </c>
      <c r="N44" s="3" t="s">
        <v>75</v>
      </c>
      <c r="O44" s="3" t="s">
        <v>258</v>
      </c>
      <c r="P44" s="3" t="s">
        <v>37</v>
      </c>
      <c r="Q44" s="3" t="s">
        <v>37</v>
      </c>
      <c r="R44" s="3" t="s">
        <v>39</v>
      </c>
      <c r="S44" s="3" t="s">
        <v>271</v>
      </c>
      <c r="T44" s="3"/>
      <c r="U44" s="3" t="s">
        <v>37</v>
      </c>
      <c r="V44" s="3" t="s">
        <v>37</v>
      </c>
    </row>
    <row r="45" spans="1:22" x14ac:dyDescent="0.25">
      <c r="A45" s="3" t="s">
        <v>22</v>
      </c>
      <c r="B45" s="4" t="s">
        <v>250</v>
      </c>
      <c r="C45" s="3" t="s">
        <v>251</v>
      </c>
      <c r="D45" s="5" t="s">
        <v>46</v>
      </c>
      <c r="E45" s="3" t="s">
        <v>47</v>
      </c>
      <c r="F45" s="3" t="s">
        <v>121</v>
      </c>
      <c r="G45" s="3" t="s">
        <v>122</v>
      </c>
      <c r="H45" s="3" t="s">
        <v>29</v>
      </c>
      <c r="I45" s="3" t="s">
        <v>50</v>
      </c>
      <c r="J45" s="3" t="s">
        <v>123</v>
      </c>
      <c r="K45" s="3" t="s">
        <v>32</v>
      </c>
      <c r="L45" s="3" t="s">
        <v>33</v>
      </c>
      <c r="M45" s="3" t="s">
        <v>34</v>
      </c>
      <c r="N45" s="3" t="s">
        <v>52</v>
      </c>
      <c r="O45" s="3" t="s">
        <v>53</v>
      </c>
      <c r="P45" s="3" t="s">
        <v>54</v>
      </c>
      <c r="Q45" s="3" t="s">
        <v>38</v>
      </c>
      <c r="R45" s="3" t="s">
        <v>39</v>
      </c>
      <c r="S45" s="3" t="s">
        <v>124</v>
      </c>
      <c r="T45" s="3"/>
      <c r="U45" s="3" t="s">
        <v>37</v>
      </c>
      <c r="V45" s="3" t="s">
        <v>37</v>
      </c>
    </row>
    <row r="46" spans="1:22" x14ac:dyDescent="0.25">
      <c r="A46" s="3" t="s">
        <v>22</v>
      </c>
      <c r="B46" s="4" t="s">
        <v>250</v>
      </c>
      <c r="C46" s="3" t="s">
        <v>251</v>
      </c>
      <c r="D46" s="5" t="s">
        <v>56</v>
      </c>
      <c r="E46" s="3" t="s">
        <v>47</v>
      </c>
      <c r="F46" s="3" t="s">
        <v>126</v>
      </c>
      <c r="G46" s="3" t="s">
        <v>28</v>
      </c>
      <c r="H46" s="3" t="s">
        <v>29</v>
      </c>
      <c r="I46" s="3" t="s">
        <v>50</v>
      </c>
      <c r="J46" s="3" t="s">
        <v>127</v>
      </c>
      <c r="K46" s="3" t="s">
        <v>32</v>
      </c>
      <c r="L46" s="3" t="s">
        <v>33</v>
      </c>
      <c r="M46" s="3" t="s">
        <v>34</v>
      </c>
      <c r="N46" s="3" t="s">
        <v>52</v>
      </c>
      <c r="O46" s="3" t="s">
        <v>53</v>
      </c>
      <c r="P46" s="3" t="s">
        <v>54</v>
      </c>
      <c r="Q46" s="3" t="s">
        <v>38</v>
      </c>
      <c r="R46" s="3" t="s">
        <v>39</v>
      </c>
      <c r="S46" s="3" t="s">
        <v>128</v>
      </c>
      <c r="T46" s="3"/>
      <c r="U46" s="3" t="s">
        <v>37</v>
      </c>
      <c r="V46" s="3" t="s">
        <v>37</v>
      </c>
    </row>
    <row r="47" spans="1:22" x14ac:dyDescent="0.25">
      <c r="A47" s="3" t="s">
        <v>22</v>
      </c>
      <c r="B47" s="4" t="s">
        <v>250</v>
      </c>
      <c r="C47" s="3" t="s">
        <v>251</v>
      </c>
      <c r="D47" s="5" t="s">
        <v>61</v>
      </c>
      <c r="E47" s="3" t="s">
        <v>62</v>
      </c>
      <c r="F47" s="3" t="s">
        <v>272</v>
      </c>
      <c r="G47" s="3" t="s">
        <v>110</v>
      </c>
      <c r="H47" s="3" t="s">
        <v>29</v>
      </c>
      <c r="I47" s="3" t="s">
        <v>65</v>
      </c>
      <c r="J47" s="3" t="s">
        <v>273</v>
      </c>
      <c r="K47" s="3" t="s">
        <v>32</v>
      </c>
      <c r="L47" s="3" t="s">
        <v>33</v>
      </c>
      <c r="M47" s="3" t="s">
        <v>34</v>
      </c>
      <c r="N47" s="3" t="s">
        <v>35</v>
      </c>
      <c r="O47" s="3" t="s">
        <v>67</v>
      </c>
      <c r="P47" s="3" t="s">
        <v>37</v>
      </c>
      <c r="Q47" s="3" t="s">
        <v>38</v>
      </c>
      <c r="R47" s="3" t="s">
        <v>39</v>
      </c>
      <c r="S47" s="3" t="s">
        <v>274</v>
      </c>
      <c r="T47" s="3"/>
      <c r="U47" s="3" t="s">
        <v>37</v>
      </c>
      <c r="V47" s="3" t="s">
        <v>37</v>
      </c>
    </row>
    <row r="48" spans="1:22" x14ac:dyDescent="0.25">
      <c r="A48" s="3" t="s">
        <v>22</v>
      </c>
      <c r="B48" s="4" t="s">
        <v>250</v>
      </c>
      <c r="C48" s="3" t="s">
        <v>251</v>
      </c>
      <c r="D48" s="5" t="s">
        <v>69</v>
      </c>
      <c r="E48" s="3" t="s">
        <v>70</v>
      </c>
      <c r="F48" s="3" t="s">
        <v>275</v>
      </c>
      <c r="G48" s="3" t="s">
        <v>58</v>
      </c>
      <c r="H48" s="3" t="s">
        <v>29</v>
      </c>
      <c r="I48" s="3" t="s">
        <v>37</v>
      </c>
      <c r="J48" s="3" t="s">
        <v>276</v>
      </c>
      <c r="K48" s="3" t="s">
        <v>32</v>
      </c>
      <c r="L48" s="3" t="s">
        <v>33</v>
      </c>
      <c r="M48" s="3" t="s">
        <v>74</v>
      </c>
      <c r="N48" s="3" t="s">
        <v>75</v>
      </c>
      <c r="O48" s="3" t="s">
        <v>37</v>
      </c>
      <c r="P48" s="3" t="s">
        <v>37</v>
      </c>
      <c r="Q48" s="3" t="s">
        <v>37</v>
      </c>
      <c r="R48" s="3" t="s">
        <v>39</v>
      </c>
      <c r="S48" s="3" t="s">
        <v>277</v>
      </c>
      <c r="T48" s="3"/>
      <c r="U48" s="3" t="s">
        <v>37</v>
      </c>
      <c r="V48" s="3" t="s">
        <v>37</v>
      </c>
    </row>
    <row r="49" spans="1:22" x14ac:dyDescent="0.25">
      <c r="A49" s="3" t="s">
        <v>22</v>
      </c>
      <c r="B49" s="4" t="s">
        <v>250</v>
      </c>
      <c r="C49" s="3" t="s">
        <v>251</v>
      </c>
      <c r="D49" s="5" t="s">
        <v>77</v>
      </c>
      <c r="E49" s="3" t="s">
        <v>165</v>
      </c>
      <c r="F49" s="3" t="s">
        <v>278</v>
      </c>
      <c r="G49" s="3" t="s">
        <v>279</v>
      </c>
      <c r="H49" s="3" t="s">
        <v>88</v>
      </c>
      <c r="I49" s="3" t="s">
        <v>37</v>
      </c>
      <c r="J49" s="3" t="s">
        <v>280</v>
      </c>
      <c r="K49" s="3" t="s">
        <v>32</v>
      </c>
      <c r="L49" s="3" t="s">
        <v>33</v>
      </c>
      <c r="M49" s="3" t="s">
        <v>74</v>
      </c>
      <c r="N49" s="3" t="s">
        <v>234</v>
      </c>
      <c r="O49" s="3" t="s">
        <v>37</v>
      </c>
      <c r="P49" s="3" t="s">
        <v>54</v>
      </c>
      <c r="Q49" s="3" t="s">
        <v>37</v>
      </c>
      <c r="R49" s="3" t="s">
        <v>39</v>
      </c>
      <c r="S49" s="3" t="s">
        <v>281</v>
      </c>
      <c r="T49" s="3" t="s">
        <v>282</v>
      </c>
      <c r="U49" s="3" t="s">
        <v>37</v>
      </c>
      <c r="V49" s="3" t="s">
        <v>37</v>
      </c>
    </row>
    <row r="50" spans="1:22" x14ac:dyDescent="0.25">
      <c r="A50" s="3" t="s">
        <v>22</v>
      </c>
      <c r="B50" s="4" t="s">
        <v>250</v>
      </c>
      <c r="C50" s="3" t="s">
        <v>251</v>
      </c>
      <c r="D50" s="5" t="s">
        <v>283</v>
      </c>
      <c r="E50" s="3" t="s">
        <v>165</v>
      </c>
      <c r="F50" s="3" t="s">
        <v>284</v>
      </c>
      <c r="G50" s="3" t="s">
        <v>285</v>
      </c>
      <c r="H50" s="3" t="s">
        <v>88</v>
      </c>
      <c r="I50" s="3" t="s">
        <v>37</v>
      </c>
      <c r="J50" s="3" t="s">
        <v>280</v>
      </c>
      <c r="K50" s="3" t="s">
        <v>32</v>
      </c>
      <c r="L50" s="3" t="s">
        <v>33</v>
      </c>
      <c r="M50" s="3" t="s">
        <v>74</v>
      </c>
      <c r="N50" s="3" t="s">
        <v>234</v>
      </c>
      <c r="O50" s="3" t="s">
        <v>37</v>
      </c>
      <c r="P50" s="3" t="s">
        <v>54</v>
      </c>
      <c r="Q50" s="3" t="s">
        <v>37</v>
      </c>
      <c r="R50" s="3" t="s">
        <v>39</v>
      </c>
      <c r="S50" s="3" t="s">
        <v>286</v>
      </c>
      <c r="T50" s="3"/>
      <c r="U50" s="3" t="s">
        <v>37</v>
      </c>
      <c r="V50" s="3" t="s">
        <v>37</v>
      </c>
    </row>
    <row r="51" spans="1:22" x14ac:dyDescent="0.25">
      <c r="A51" s="3" t="s">
        <v>22</v>
      </c>
      <c r="B51" s="4" t="s">
        <v>250</v>
      </c>
      <c r="C51" s="3" t="s">
        <v>251</v>
      </c>
      <c r="D51" s="5" t="s">
        <v>287</v>
      </c>
      <c r="E51" s="3" t="s">
        <v>288</v>
      </c>
      <c r="F51" s="3" t="s">
        <v>37</v>
      </c>
      <c r="G51" s="3" t="s">
        <v>37</v>
      </c>
      <c r="H51" s="3" t="s">
        <v>37</v>
      </c>
      <c r="I51" s="3" t="s">
        <v>37</v>
      </c>
      <c r="J51" s="3" t="s">
        <v>289</v>
      </c>
      <c r="K51" s="3" t="s">
        <v>290</v>
      </c>
      <c r="L51" s="3" t="s">
        <v>33</v>
      </c>
      <c r="M51" s="3" t="s">
        <v>74</v>
      </c>
      <c r="N51" s="3" t="s">
        <v>153</v>
      </c>
      <c r="O51" s="3" t="s">
        <v>291</v>
      </c>
      <c r="P51" s="3" t="s">
        <v>54</v>
      </c>
      <c r="Q51" s="3" t="s">
        <v>37</v>
      </c>
      <c r="R51" s="3" t="s">
        <v>39</v>
      </c>
      <c r="S51" s="3" t="s">
        <v>292</v>
      </c>
      <c r="T51" s="3"/>
      <c r="U51" s="3" t="s">
        <v>37</v>
      </c>
      <c r="V51" s="3" t="s">
        <v>37</v>
      </c>
    </row>
    <row r="52" spans="1:22" x14ac:dyDescent="0.25">
      <c r="A52" s="3" t="s">
        <v>22</v>
      </c>
      <c r="B52" s="4" t="s">
        <v>250</v>
      </c>
      <c r="C52" s="3" t="s">
        <v>251</v>
      </c>
      <c r="D52" s="5" t="s">
        <v>85</v>
      </c>
      <c r="E52" s="3" t="s">
        <v>47</v>
      </c>
      <c r="F52" s="3" t="s">
        <v>293</v>
      </c>
      <c r="G52" s="3" t="s">
        <v>294</v>
      </c>
      <c r="H52" s="3" t="s">
        <v>133</v>
      </c>
      <c r="I52" s="3" t="s">
        <v>50</v>
      </c>
      <c r="J52" s="3" t="s">
        <v>295</v>
      </c>
      <c r="K52" s="3" t="s">
        <v>32</v>
      </c>
      <c r="L52" s="3" t="s">
        <v>33</v>
      </c>
      <c r="M52" s="3" t="s">
        <v>34</v>
      </c>
      <c r="N52" s="3" t="s">
        <v>296</v>
      </c>
      <c r="O52" s="3" t="s">
        <v>53</v>
      </c>
      <c r="P52" s="3" t="s">
        <v>54</v>
      </c>
      <c r="Q52" s="3" t="s">
        <v>37</v>
      </c>
      <c r="R52" s="3" t="s">
        <v>39</v>
      </c>
      <c r="S52" s="3" t="s">
        <v>297</v>
      </c>
      <c r="T52" s="3"/>
      <c r="U52" s="3" t="s">
        <v>37</v>
      </c>
      <c r="V52" s="3" t="s">
        <v>37</v>
      </c>
    </row>
    <row r="53" spans="1:22" x14ac:dyDescent="0.25">
      <c r="A53" s="3" t="s">
        <v>22</v>
      </c>
      <c r="B53" s="4" t="s">
        <v>250</v>
      </c>
      <c r="C53" s="3" t="s">
        <v>251</v>
      </c>
      <c r="D53" s="5" t="s">
        <v>91</v>
      </c>
      <c r="E53" s="3" t="s">
        <v>47</v>
      </c>
      <c r="F53" s="3" t="s">
        <v>298</v>
      </c>
      <c r="G53" s="3" t="s">
        <v>116</v>
      </c>
      <c r="H53" s="3" t="s">
        <v>133</v>
      </c>
      <c r="I53" s="3" t="s">
        <v>50</v>
      </c>
      <c r="J53" s="3" t="s">
        <v>299</v>
      </c>
      <c r="K53" s="3" t="s">
        <v>32</v>
      </c>
      <c r="L53" s="3" t="s">
        <v>37</v>
      </c>
      <c r="M53" s="3" t="s">
        <v>34</v>
      </c>
      <c r="N53" s="3" t="s">
        <v>296</v>
      </c>
      <c r="O53" s="3" t="s">
        <v>53</v>
      </c>
      <c r="P53" s="3" t="s">
        <v>54</v>
      </c>
      <c r="Q53" s="3" t="s">
        <v>37</v>
      </c>
      <c r="R53" s="3" t="s">
        <v>39</v>
      </c>
      <c r="S53" s="3" t="s">
        <v>300</v>
      </c>
      <c r="T53" s="3"/>
      <c r="U53" s="3" t="s">
        <v>37</v>
      </c>
      <c r="V53" s="3" t="s">
        <v>37</v>
      </c>
    </row>
    <row r="54" spans="1:22" x14ac:dyDescent="0.25">
      <c r="A54" s="3" t="s">
        <v>22</v>
      </c>
      <c r="B54" s="4" t="s">
        <v>250</v>
      </c>
      <c r="C54" s="3" t="s">
        <v>251</v>
      </c>
      <c r="D54" s="5" t="s">
        <v>96</v>
      </c>
      <c r="E54" s="3" t="s">
        <v>47</v>
      </c>
      <c r="F54" s="3" t="s">
        <v>301</v>
      </c>
      <c r="G54" s="3" t="s">
        <v>302</v>
      </c>
      <c r="H54" s="3" t="s">
        <v>133</v>
      </c>
      <c r="I54" s="3" t="s">
        <v>50</v>
      </c>
      <c r="J54" s="3" t="s">
        <v>303</v>
      </c>
      <c r="K54" s="3" t="s">
        <v>32</v>
      </c>
      <c r="L54" s="3" t="s">
        <v>33</v>
      </c>
      <c r="M54" s="3" t="s">
        <v>34</v>
      </c>
      <c r="N54" s="3" t="s">
        <v>296</v>
      </c>
      <c r="O54" s="3" t="s">
        <v>53</v>
      </c>
      <c r="P54" s="3" t="s">
        <v>54</v>
      </c>
      <c r="Q54" s="3" t="s">
        <v>37</v>
      </c>
      <c r="R54" s="3" t="s">
        <v>39</v>
      </c>
      <c r="S54" s="3" t="s">
        <v>304</v>
      </c>
      <c r="T54" s="3"/>
      <c r="U54" s="3" t="s">
        <v>37</v>
      </c>
      <c r="V54" s="3" t="s">
        <v>37</v>
      </c>
    </row>
    <row r="55" spans="1:22" x14ac:dyDescent="0.25">
      <c r="A55" s="3" t="s">
        <v>22</v>
      </c>
      <c r="B55" s="4" t="s">
        <v>250</v>
      </c>
      <c r="C55" s="3" t="s">
        <v>251</v>
      </c>
      <c r="D55" s="5" t="s">
        <v>101</v>
      </c>
      <c r="E55" s="3" t="s">
        <v>102</v>
      </c>
      <c r="F55" s="3" t="s">
        <v>305</v>
      </c>
      <c r="G55" s="3" t="s">
        <v>133</v>
      </c>
      <c r="H55" s="3" t="s">
        <v>29</v>
      </c>
      <c r="I55" s="3" t="s">
        <v>37</v>
      </c>
      <c r="J55" s="3" t="s">
        <v>306</v>
      </c>
      <c r="K55" s="3" t="s">
        <v>32</v>
      </c>
      <c r="L55" s="3" t="s">
        <v>82</v>
      </c>
      <c r="M55" s="3" t="s">
        <v>74</v>
      </c>
      <c r="N55" s="3" t="s">
        <v>75</v>
      </c>
      <c r="O55" s="3" t="s">
        <v>36</v>
      </c>
      <c r="P55" s="3" t="s">
        <v>54</v>
      </c>
      <c r="Q55" s="3" t="s">
        <v>37</v>
      </c>
      <c r="R55" s="3" t="s">
        <v>39</v>
      </c>
      <c r="S55" s="3" t="s">
        <v>307</v>
      </c>
      <c r="T55" s="3"/>
      <c r="U55" s="3" t="s">
        <v>37</v>
      </c>
      <c r="V55" s="3" t="s">
        <v>37</v>
      </c>
    </row>
    <row r="56" spans="1:22" x14ac:dyDescent="0.25">
      <c r="A56" s="3" t="s">
        <v>22</v>
      </c>
      <c r="B56" s="4" t="s">
        <v>250</v>
      </c>
      <c r="C56" s="3" t="s">
        <v>251</v>
      </c>
      <c r="D56" s="5" t="s">
        <v>107</v>
      </c>
      <c r="E56" s="3" t="s">
        <v>108</v>
      </c>
      <c r="F56" s="3" t="s">
        <v>308</v>
      </c>
      <c r="G56" s="3" t="s">
        <v>309</v>
      </c>
      <c r="H56" s="3" t="s">
        <v>29</v>
      </c>
      <c r="I56" s="3" t="s">
        <v>111</v>
      </c>
      <c r="J56" s="3" t="s">
        <v>310</v>
      </c>
      <c r="K56" s="3" t="s">
        <v>32</v>
      </c>
      <c r="L56" s="3" t="s">
        <v>33</v>
      </c>
      <c r="M56" s="3" t="s">
        <v>74</v>
      </c>
      <c r="N56" s="3" t="s">
        <v>75</v>
      </c>
      <c r="O56" s="3" t="s">
        <v>53</v>
      </c>
      <c r="P56" s="3" t="s">
        <v>37</v>
      </c>
      <c r="Q56" s="3" t="s">
        <v>37</v>
      </c>
      <c r="R56" s="3" t="s">
        <v>39</v>
      </c>
      <c r="S56" s="3" t="s">
        <v>311</v>
      </c>
      <c r="T56" s="3"/>
      <c r="U56" s="3" t="s">
        <v>37</v>
      </c>
      <c r="V56" s="3" t="s">
        <v>37</v>
      </c>
    </row>
    <row r="57" spans="1:22" x14ac:dyDescent="0.25">
      <c r="A57" s="3" t="s">
        <v>22</v>
      </c>
      <c r="B57" s="4" t="s">
        <v>250</v>
      </c>
      <c r="C57" s="3" t="s">
        <v>251</v>
      </c>
      <c r="D57" s="5" t="s">
        <v>114</v>
      </c>
      <c r="E57" s="3" t="s">
        <v>108</v>
      </c>
      <c r="F57" s="3" t="s">
        <v>312</v>
      </c>
      <c r="G57" s="3" t="s">
        <v>313</v>
      </c>
      <c r="H57" s="3" t="s">
        <v>29</v>
      </c>
      <c r="I57" s="3" t="s">
        <v>111</v>
      </c>
      <c r="J57" s="3" t="s">
        <v>314</v>
      </c>
      <c r="K57" s="3" t="s">
        <v>32</v>
      </c>
      <c r="L57" s="3" t="s">
        <v>33</v>
      </c>
      <c r="M57" s="3" t="s">
        <v>74</v>
      </c>
      <c r="N57" s="3" t="s">
        <v>75</v>
      </c>
      <c r="O57" s="3" t="s">
        <v>118</v>
      </c>
      <c r="P57" s="3" t="s">
        <v>37</v>
      </c>
      <c r="Q57" s="3" t="s">
        <v>37</v>
      </c>
      <c r="R57" s="3" t="s">
        <v>39</v>
      </c>
      <c r="S57" s="3" t="s">
        <v>315</v>
      </c>
      <c r="T57" s="3"/>
      <c r="U57" s="3" t="s">
        <v>37</v>
      </c>
      <c r="V57" s="3" t="s">
        <v>37</v>
      </c>
    </row>
    <row r="58" spans="1:22" x14ac:dyDescent="0.25">
      <c r="A58" s="3" t="s">
        <v>22</v>
      </c>
      <c r="B58" s="4" t="s">
        <v>250</v>
      </c>
      <c r="C58" s="3" t="s">
        <v>251</v>
      </c>
      <c r="D58" s="5" t="s">
        <v>120</v>
      </c>
      <c r="E58" s="3" t="s">
        <v>47</v>
      </c>
      <c r="F58" s="3" t="s">
        <v>57</v>
      </c>
      <c r="G58" s="3" t="s">
        <v>58</v>
      </c>
      <c r="H58" s="3" t="s">
        <v>29</v>
      </c>
      <c r="I58" s="3" t="s">
        <v>50</v>
      </c>
      <c r="J58" s="3" t="s">
        <v>59</v>
      </c>
      <c r="K58" s="3" t="s">
        <v>32</v>
      </c>
      <c r="L58" s="3" t="s">
        <v>33</v>
      </c>
      <c r="M58" s="3" t="s">
        <v>34</v>
      </c>
      <c r="N58" s="3" t="s">
        <v>52</v>
      </c>
      <c r="O58" s="3" t="s">
        <v>53</v>
      </c>
      <c r="P58" s="3" t="s">
        <v>37</v>
      </c>
      <c r="Q58" s="3" t="s">
        <v>38</v>
      </c>
      <c r="R58" s="3" t="s">
        <v>39</v>
      </c>
      <c r="S58" s="3" t="s">
        <v>60</v>
      </c>
      <c r="T58" s="3"/>
      <c r="U58" s="3" t="s">
        <v>37</v>
      </c>
      <c r="V58" s="3" t="s">
        <v>37</v>
      </c>
    </row>
    <row r="59" spans="1:22" x14ac:dyDescent="0.25">
      <c r="A59" s="3" t="s">
        <v>22</v>
      </c>
      <c r="B59" s="4" t="s">
        <v>250</v>
      </c>
      <c r="C59" s="3" t="s">
        <v>251</v>
      </c>
      <c r="D59" s="5" t="s">
        <v>125</v>
      </c>
      <c r="E59" s="3" t="s">
        <v>47</v>
      </c>
      <c r="F59" s="3" t="s">
        <v>316</v>
      </c>
      <c r="G59" s="3" t="s">
        <v>317</v>
      </c>
      <c r="H59" s="3" t="s">
        <v>29</v>
      </c>
      <c r="I59" s="3" t="s">
        <v>50</v>
      </c>
      <c r="J59" s="3" t="s">
        <v>318</v>
      </c>
      <c r="K59" s="3" t="s">
        <v>32</v>
      </c>
      <c r="L59" s="3" t="s">
        <v>33</v>
      </c>
      <c r="M59" s="3" t="s">
        <v>34</v>
      </c>
      <c r="N59" s="3" t="s">
        <v>52</v>
      </c>
      <c r="O59" s="3" t="s">
        <v>53</v>
      </c>
      <c r="P59" s="3" t="s">
        <v>54</v>
      </c>
      <c r="Q59" s="3" t="s">
        <v>38</v>
      </c>
      <c r="R59" s="3" t="s">
        <v>39</v>
      </c>
      <c r="S59" s="3" t="s">
        <v>319</v>
      </c>
      <c r="T59" s="3"/>
      <c r="U59" s="3" t="s">
        <v>37</v>
      </c>
      <c r="V59" s="3" t="s">
        <v>37</v>
      </c>
    </row>
    <row r="60" spans="1:22" x14ac:dyDescent="0.25">
      <c r="A60" s="3" t="s">
        <v>22</v>
      </c>
      <c r="B60" s="4" t="s">
        <v>250</v>
      </c>
      <c r="C60" s="3" t="s">
        <v>251</v>
      </c>
      <c r="D60" s="5" t="s">
        <v>129</v>
      </c>
      <c r="E60" s="3" t="s">
        <v>130</v>
      </c>
      <c r="F60" s="3" t="s">
        <v>320</v>
      </c>
      <c r="G60" s="3" t="s">
        <v>191</v>
      </c>
      <c r="H60" s="3" t="s">
        <v>133</v>
      </c>
      <c r="I60" s="3" t="s">
        <v>134</v>
      </c>
      <c r="J60" s="3" t="s">
        <v>321</v>
      </c>
      <c r="K60" s="3" t="s">
        <v>32</v>
      </c>
      <c r="L60" s="3" t="s">
        <v>33</v>
      </c>
      <c r="M60" s="3" t="s">
        <v>74</v>
      </c>
      <c r="N60" s="3" t="s">
        <v>75</v>
      </c>
      <c r="O60" s="3" t="s">
        <v>53</v>
      </c>
      <c r="P60" s="3" t="s">
        <v>54</v>
      </c>
      <c r="Q60" s="3" t="s">
        <v>37</v>
      </c>
      <c r="R60" s="3" t="s">
        <v>39</v>
      </c>
      <c r="S60" s="3" t="s">
        <v>322</v>
      </c>
      <c r="T60" s="3"/>
      <c r="U60" s="3" t="s">
        <v>37</v>
      </c>
      <c r="V60" s="3" t="s">
        <v>37</v>
      </c>
    </row>
    <row r="61" spans="1:22" x14ac:dyDescent="0.25">
      <c r="A61" s="3" t="s">
        <v>22</v>
      </c>
      <c r="B61" s="4" t="s">
        <v>250</v>
      </c>
      <c r="C61" s="3" t="s">
        <v>251</v>
      </c>
      <c r="D61" s="5" t="s">
        <v>137</v>
      </c>
      <c r="E61" s="3" t="s">
        <v>130</v>
      </c>
      <c r="F61" s="3" t="s">
        <v>323</v>
      </c>
      <c r="G61" s="3" t="s">
        <v>88</v>
      </c>
      <c r="H61" s="3" t="s">
        <v>29</v>
      </c>
      <c r="I61" s="3" t="s">
        <v>324</v>
      </c>
      <c r="J61" s="3" t="s">
        <v>325</v>
      </c>
      <c r="K61" s="3" t="s">
        <v>32</v>
      </c>
      <c r="L61" s="3" t="s">
        <v>33</v>
      </c>
      <c r="M61" s="3" t="s">
        <v>74</v>
      </c>
      <c r="N61" s="3" t="s">
        <v>153</v>
      </c>
      <c r="O61" s="3" t="s">
        <v>53</v>
      </c>
      <c r="P61" s="3" t="s">
        <v>37</v>
      </c>
      <c r="Q61" s="3" t="s">
        <v>37</v>
      </c>
      <c r="R61" s="3" t="s">
        <v>39</v>
      </c>
      <c r="S61" s="3" t="s">
        <v>326</v>
      </c>
      <c r="T61" s="3"/>
      <c r="U61" s="3" t="s">
        <v>37</v>
      </c>
      <c r="V61" s="3" t="s">
        <v>327</v>
      </c>
    </row>
    <row r="62" spans="1:22" x14ac:dyDescent="0.25">
      <c r="A62" s="3" t="s">
        <v>22</v>
      </c>
      <c r="B62" s="4" t="s">
        <v>250</v>
      </c>
      <c r="C62" s="3" t="s">
        <v>251</v>
      </c>
      <c r="D62" s="5" t="s">
        <v>143</v>
      </c>
      <c r="E62" s="3" t="s">
        <v>62</v>
      </c>
      <c r="F62" s="3" t="s">
        <v>328</v>
      </c>
      <c r="G62" s="3" t="s">
        <v>309</v>
      </c>
      <c r="H62" s="3" t="s">
        <v>29</v>
      </c>
      <c r="I62" s="3" t="s">
        <v>65</v>
      </c>
      <c r="J62" s="3" t="s">
        <v>329</v>
      </c>
      <c r="K62" s="3" t="s">
        <v>32</v>
      </c>
      <c r="L62" s="3" t="s">
        <v>33</v>
      </c>
      <c r="M62" s="3" t="s">
        <v>34</v>
      </c>
      <c r="N62" s="3" t="s">
        <v>35</v>
      </c>
      <c r="O62" s="3" t="s">
        <v>67</v>
      </c>
      <c r="P62" s="3" t="s">
        <v>37</v>
      </c>
      <c r="Q62" s="3" t="s">
        <v>38</v>
      </c>
      <c r="R62" s="3" t="s">
        <v>39</v>
      </c>
      <c r="S62" s="3" t="s">
        <v>330</v>
      </c>
      <c r="T62" s="3"/>
      <c r="U62" s="3" t="s">
        <v>37</v>
      </c>
      <c r="V62" s="3" t="s">
        <v>37</v>
      </c>
    </row>
    <row r="63" spans="1:22" x14ac:dyDescent="0.25">
      <c r="A63" s="3" t="s">
        <v>22</v>
      </c>
      <c r="B63" s="4" t="s">
        <v>250</v>
      </c>
      <c r="C63" s="3" t="s">
        <v>251</v>
      </c>
      <c r="D63" s="5" t="s">
        <v>148</v>
      </c>
      <c r="E63" s="3" t="s">
        <v>149</v>
      </c>
      <c r="F63" s="3" t="s">
        <v>331</v>
      </c>
      <c r="G63" s="3" t="s">
        <v>207</v>
      </c>
      <c r="H63" s="3" t="s">
        <v>29</v>
      </c>
      <c r="I63" s="3" t="s">
        <v>151</v>
      </c>
      <c r="J63" s="3" t="s">
        <v>332</v>
      </c>
      <c r="K63" s="3" t="s">
        <v>32</v>
      </c>
      <c r="L63" s="3" t="s">
        <v>33</v>
      </c>
      <c r="M63" s="3" t="s">
        <v>34</v>
      </c>
      <c r="N63" s="3" t="s">
        <v>153</v>
      </c>
      <c r="O63" s="3" t="s">
        <v>154</v>
      </c>
      <c r="P63" s="3" t="s">
        <v>37</v>
      </c>
      <c r="Q63" s="3" t="s">
        <v>37</v>
      </c>
      <c r="R63" s="3" t="s">
        <v>39</v>
      </c>
      <c r="S63" s="3" t="s">
        <v>333</v>
      </c>
      <c r="T63" s="3"/>
      <c r="U63" s="3" t="s">
        <v>37</v>
      </c>
      <c r="V63" s="3" t="s">
        <v>37</v>
      </c>
    </row>
    <row r="64" spans="1:22" x14ac:dyDescent="0.25">
      <c r="A64" s="3" t="s">
        <v>22</v>
      </c>
      <c r="B64" s="4" t="s">
        <v>250</v>
      </c>
      <c r="C64" s="3" t="s">
        <v>251</v>
      </c>
      <c r="D64" s="5" t="s">
        <v>156</v>
      </c>
      <c r="E64" s="3" t="s">
        <v>149</v>
      </c>
      <c r="F64" s="3" t="s">
        <v>334</v>
      </c>
      <c r="G64" s="3" t="s">
        <v>212</v>
      </c>
      <c r="H64" s="3" t="s">
        <v>29</v>
      </c>
      <c r="I64" s="3" t="s">
        <v>151</v>
      </c>
      <c r="J64" s="3" t="s">
        <v>335</v>
      </c>
      <c r="K64" s="3" t="s">
        <v>32</v>
      </c>
      <c r="L64" s="3" t="s">
        <v>33</v>
      </c>
      <c r="M64" s="3" t="s">
        <v>34</v>
      </c>
      <c r="N64" s="3" t="s">
        <v>153</v>
      </c>
      <c r="O64" s="3" t="s">
        <v>154</v>
      </c>
      <c r="P64" s="3" t="s">
        <v>37</v>
      </c>
      <c r="Q64" s="3" t="s">
        <v>37</v>
      </c>
      <c r="R64" s="3" t="s">
        <v>39</v>
      </c>
      <c r="S64" s="3" t="s">
        <v>336</v>
      </c>
      <c r="T64" s="3"/>
      <c r="U64" s="3" t="s">
        <v>37</v>
      </c>
      <c r="V64" s="3" t="s">
        <v>37</v>
      </c>
    </row>
    <row r="65" spans="1:22" x14ac:dyDescent="0.25">
      <c r="A65" s="3" t="s">
        <v>22</v>
      </c>
      <c r="B65" s="4" t="s">
        <v>250</v>
      </c>
      <c r="C65" s="3" t="s">
        <v>251</v>
      </c>
      <c r="D65" s="5" t="s">
        <v>160</v>
      </c>
      <c r="E65" s="3" t="s">
        <v>149</v>
      </c>
      <c r="F65" s="3" t="s">
        <v>337</v>
      </c>
      <c r="G65" s="3" t="s">
        <v>217</v>
      </c>
      <c r="H65" s="3" t="s">
        <v>29</v>
      </c>
      <c r="I65" s="3" t="s">
        <v>151</v>
      </c>
      <c r="J65" s="3" t="s">
        <v>338</v>
      </c>
      <c r="K65" s="3" t="s">
        <v>32</v>
      </c>
      <c r="L65" s="3" t="s">
        <v>33</v>
      </c>
      <c r="M65" s="3" t="s">
        <v>34</v>
      </c>
      <c r="N65" s="3" t="s">
        <v>153</v>
      </c>
      <c r="O65" s="3" t="s">
        <v>154</v>
      </c>
      <c r="P65" s="3" t="s">
        <v>37</v>
      </c>
      <c r="Q65" s="3" t="s">
        <v>37</v>
      </c>
      <c r="R65" s="3" t="s">
        <v>39</v>
      </c>
      <c r="S65" s="3" t="s">
        <v>339</v>
      </c>
      <c r="T65" s="3"/>
      <c r="U65" s="3" t="s">
        <v>37</v>
      </c>
      <c r="V65" s="3" t="s">
        <v>37</v>
      </c>
    </row>
    <row r="66" spans="1:22" x14ac:dyDescent="0.25">
      <c r="A66" s="3" t="s">
        <v>22</v>
      </c>
      <c r="B66" s="4" t="s">
        <v>250</v>
      </c>
      <c r="C66" s="3" t="s">
        <v>251</v>
      </c>
      <c r="D66" s="5" t="s">
        <v>164</v>
      </c>
      <c r="E66" s="3" t="s">
        <v>165</v>
      </c>
      <c r="F66" s="3" t="s">
        <v>278</v>
      </c>
      <c r="G66" s="3" t="s">
        <v>279</v>
      </c>
      <c r="H66" s="3" t="s">
        <v>88</v>
      </c>
      <c r="I66" s="3" t="s">
        <v>37</v>
      </c>
      <c r="J66" s="3" t="s">
        <v>280</v>
      </c>
      <c r="K66" s="3" t="s">
        <v>32</v>
      </c>
      <c r="L66" s="3" t="s">
        <v>33</v>
      </c>
      <c r="M66" s="3" t="s">
        <v>74</v>
      </c>
      <c r="N66" s="3" t="s">
        <v>234</v>
      </c>
      <c r="O66" s="3" t="s">
        <v>37</v>
      </c>
      <c r="P66" s="3" t="s">
        <v>54</v>
      </c>
      <c r="Q66" s="3" t="s">
        <v>37</v>
      </c>
      <c r="R66" s="3" t="s">
        <v>39</v>
      </c>
      <c r="S66" s="3" t="s">
        <v>281</v>
      </c>
      <c r="T66" s="3"/>
      <c r="U66" s="3" t="s">
        <v>37</v>
      </c>
      <c r="V66" s="3" t="s">
        <v>37</v>
      </c>
    </row>
    <row r="67" spans="1:22" x14ac:dyDescent="0.25">
      <c r="A67" s="3" t="s">
        <v>22</v>
      </c>
      <c r="B67" s="4" t="s">
        <v>250</v>
      </c>
      <c r="C67" s="3" t="s">
        <v>251</v>
      </c>
      <c r="D67" s="5" t="s">
        <v>171</v>
      </c>
      <c r="E67" s="3" t="s">
        <v>165</v>
      </c>
      <c r="F67" s="3" t="s">
        <v>340</v>
      </c>
      <c r="G67" s="3" t="s">
        <v>341</v>
      </c>
      <c r="H67" s="3" t="s">
        <v>133</v>
      </c>
      <c r="I67" s="3" t="s">
        <v>168</v>
      </c>
      <c r="J67" s="3" t="s">
        <v>342</v>
      </c>
      <c r="K67" s="3" t="s">
        <v>32</v>
      </c>
      <c r="L67" s="3" t="s">
        <v>33</v>
      </c>
      <c r="M67" s="3" t="s">
        <v>74</v>
      </c>
      <c r="N67" s="3" t="s">
        <v>153</v>
      </c>
      <c r="O67" s="3" t="s">
        <v>53</v>
      </c>
      <c r="P67" s="3" t="s">
        <v>54</v>
      </c>
      <c r="Q67" s="3" t="s">
        <v>37</v>
      </c>
      <c r="R67" s="3" t="s">
        <v>39</v>
      </c>
      <c r="S67" s="3" t="s">
        <v>343</v>
      </c>
      <c r="T67" s="3"/>
      <c r="U67" s="3" t="s">
        <v>37</v>
      </c>
      <c r="V67" s="3" t="s">
        <v>37</v>
      </c>
    </row>
    <row r="68" spans="1:22" x14ac:dyDescent="0.25">
      <c r="A68" s="3" t="s">
        <v>22</v>
      </c>
      <c r="B68" s="4" t="s">
        <v>250</v>
      </c>
      <c r="C68" s="3" t="s">
        <v>251</v>
      </c>
      <c r="D68" s="5" t="s">
        <v>177</v>
      </c>
      <c r="E68" s="3" t="s">
        <v>47</v>
      </c>
      <c r="F68" s="3" t="s">
        <v>344</v>
      </c>
      <c r="G68" s="3" t="s">
        <v>345</v>
      </c>
      <c r="H68" s="3" t="s">
        <v>88</v>
      </c>
      <c r="I68" s="3" t="s">
        <v>50</v>
      </c>
      <c r="J68" s="3" t="s">
        <v>346</v>
      </c>
      <c r="K68" s="3" t="s">
        <v>32</v>
      </c>
      <c r="L68" s="3" t="s">
        <v>33</v>
      </c>
      <c r="M68" s="3" t="s">
        <v>34</v>
      </c>
      <c r="N68" s="3" t="s">
        <v>75</v>
      </c>
      <c r="O68" s="3" t="s">
        <v>53</v>
      </c>
      <c r="P68" s="3" t="s">
        <v>54</v>
      </c>
      <c r="Q68" s="3" t="s">
        <v>37</v>
      </c>
      <c r="R68" s="3" t="s">
        <v>39</v>
      </c>
      <c r="S68" s="3" t="s">
        <v>347</v>
      </c>
      <c r="T68" s="3"/>
      <c r="U68" s="3" t="s">
        <v>37</v>
      </c>
      <c r="V68" s="3" t="s">
        <v>37</v>
      </c>
    </row>
    <row r="69" spans="1:22" x14ac:dyDescent="0.25">
      <c r="A69" s="3" t="s">
        <v>22</v>
      </c>
      <c r="B69" s="4" t="s">
        <v>250</v>
      </c>
      <c r="C69" s="3" t="s">
        <v>251</v>
      </c>
      <c r="D69" s="5" t="s">
        <v>348</v>
      </c>
      <c r="E69" s="3" t="s">
        <v>47</v>
      </c>
      <c r="F69" s="3" t="s">
        <v>349</v>
      </c>
      <c r="G69" s="3" t="s">
        <v>350</v>
      </c>
      <c r="H69" s="3" t="s">
        <v>88</v>
      </c>
      <c r="I69" s="3" t="s">
        <v>50</v>
      </c>
      <c r="J69" s="3" t="s">
        <v>351</v>
      </c>
      <c r="K69" s="3" t="s">
        <v>32</v>
      </c>
      <c r="L69" s="3" t="s">
        <v>33</v>
      </c>
      <c r="M69" s="3" t="s">
        <v>34</v>
      </c>
      <c r="N69" s="3" t="s">
        <v>75</v>
      </c>
      <c r="O69" s="3" t="s">
        <v>53</v>
      </c>
      <c r="P69" s="3" t="s">
        <v>54</v>
      </c>
      <c r="Q69" s="3" t="s">
        <v>37</v>
      </c>
      <c r="R69" s="3" t="s">
        <v>39</v>
      </c>
      <c r="S69" s="3" t="s">
        <v>352</v>
      </c>
      <c r="T69" s="3"/>
      <c r="U69" s="3" t="s">
        <v>37</v>
      </c>
      <c r="V69" s="3" t="s">
        <v>37</v>
      </c>
    </row>
    <row r="70" spans="1:22" x14ac:dyDescent="0.25">
      <c r="A70" s="3" t="s">
        <v>22</v>
      </c>
      <c r="B70" s="4" t="s">
        <v>250</v>
      </c>
      <c r="C70" s="3" t="s">
        <v>251</v>
      </c>
      <c r="D70" s="5" t="s">
        <v>183</v>
      </c>
      <c r="E70" s="3" t="s">
        <v>78</v>
      </c>
      <c r="F70" s="3" t="s">
        <v>37</v>
      </c>
      <c r="G70" s="3" t="s">
        <v>37</v>
      </c>
      <c r="H70" s="3" t="s">
        <v>37</v>
      </c>
      <c r="I70" s="3" t="s">
        <v>79</v>
      </c>
      <c r="J70" s="3" t="s">
        <v>80</v>
      </c>
      <c r="K70" s="3" t="s">
        <v>81</v>
      </c>
      <c r="L70" s="3" t="s">
        <v>82</v>
      </c>
      <c r="M70" s="3" t="s">
        <v>74</v>
      </c>
      <c r="N70" s="3" t="s">
        <v>75</v>
      </c>
      <c r="O70" s="3" t="s">
        <v>83</v>
      </c>
      <c r="P70" s="3" t="s">
        <v>37</v>
      </c>
      <c r="Q70" s="3" t="s">
        <v>37</v>
      </c>
      <c r="R70" s="3" t="s">
        <v>39</v>
      </c>
      <c r="S70" s="3" t="s">
        <v>84</v>
      </c>
      <c r="T70" s="3"/>
      <c r="U70" s="3" t="s">
        <v>37</v>
      </c>
      <c r="V70" s="3" t="s">
        <v>37</v>
      </c>
    </row>
    <row r="71" spans="1:22" x14ac:dyDescent="0.25">
      <c r="A71" s="3" t="s">
        <v>22</v>
      </c>
      <c r="B71" s="4" t="s">
        <v>250</v>
      </c>
      <c r="C71" s="3" t="s">
        <v>251</v>
      </c>
      <c r="D71" s="5" t="s">
        <v>353</v>
      </c>
      <c r="E71" s="3" t="s">
        <v>47</v>
      </c>
      <c r="F71" s="3" t="s">
        <v>354</v>
      </c>
      <c r="G71" s="3" t="s">
        <v>262</v>
      </c>
      <c r="H71" s="3" t="s">
        <v>29</v>
      </c>
      <c r="I71" s="3" t="s">
        <v>50</v>
      </c>
      <c r="J71" s="3" t="s">
        <v>355</v>
      </c>
      <c r="K71" s="3" t="s">
        <v>32</v>
      </c>
      <c r="L71" s="3" t="s">
        <v>33</v>
      </c>
      <c r="M71" s="3" t="s">
        <v>34</v>
      </c>
      <c r="N71" s="3" t="s">
        <v>52</v>
      </c>
      <c r="O71" s="3" t="s">
        <v>53</v>
      </c>
      <c r="P71" s="3" t="s">
        <v>54</v>
      </c>
      <c r="Q71" s="3" t="s">
        <v>38</v>
      </c>
      <c r="R71" s="3" t="s">
        <v>39</v>
      </c>
      <c r="S71" s="3" t="s">
        <v>356</v>
      </c>
      <c r="T71" s="3"/>
      <c r="U71" s="3" t="s">
        <v>37</v>
      </c>
      <c r="V71" s="3" t="s">
        <v>37</v>
      </c>
    </row>
    <row r="72" spans="1:22" x14ac:dyDescent="0.25">
      <c r="A72" s="3" t="s">
        <v>22</v>
      </c>
      <c r="B72" s="4" t="s">
        <v>250</v>
      </c>
      <c r="C72" s="3" t="s">
        <v>251</v>
      </c>
      <c r="D72" s="5" t="s">
        <v>357</v>
      </c>
      <c r="E72" s="3" t="s">
        <v>47</v>
      </c>
      <c r="F72" s="3" t="s">
        <v>358</v>
      </c>
      <c r="G72" s="3" t="s">
        <v>359</v>
      </c>
      <c r="H72" s="3" t="s">
        <v>29</v>
      </c>
      <c r="I72" s="3" t="s">
        <v>50</v>
      </c>
      <c r="J72" s="3" t="s">
        <v>360</v>
      </c>
      <c r="K72" s="3" t="s">
        <v>32</v>
      </c>
      <c r="L72" s="3" t="s">
        <v>33</v>
      </c>
      <c r="M72" s="3" t="s">
        <v>34</v>
      </c>
      <c r="N72" s="3" t="s">
        <v>52</v>
      </c>
      <c r="O72" s="3" t="s">
        <v>53</v>
      </c>
      <c r="P72" s="3" t="s">
        <v>37</v>
      </c>
      <c r="Q72" s="3" t="s">
        <v>37</v>
      </c>
      <c r="R72" s="3" t="s">
        <v>39</v>
      </c>
      <c r="S72" s="3" t="s">
        <v>361</v>
      </c>
      <c r="T72" s="3"/>
      <c r="U72" s="3" t="s">
        <v>37</v>
      </c>
      <c r="V72" s="3" t="s">
        <v>37</v>
      </c>
    </row>
    <row r="73" spans="1:22" x14ac:dyDescent="0.25">
      <c r="A73" s="3" t="s">
        <v>22</v>
      </c>
      <c r="B73" s="4" t="s">
        <v>250</v>
      </c>
      <c r="C73" s="3" t="s">
        <v>251</v>
      </c>
      <c r="D73" s="5" t="s">
        <v>362</v>
      </c>
      <c r="E73" s="3" t="s">
        <v>47</v>
      </c>
      <c r="F73" s="3" t="s">
        <v>363</v>
      </c>
      <c r="G73" s="3" t="s">
        <v>72</v>
      </c>
      <c r="H73" s="3" t="s">
        <v>29</v>
      </c>
      <c r="I73" s="3" t="s">
        <v>50</v>
      </c>
      <c r="J73" s="3" t="s">
        <v>364</v>
      </c>
      <c r="K73" s="3" t="s">
        <v>32</v>
      </c>
      <c r="L73" s="3" t="s">
        <v>33</v>
      </c>
      <c r="M73" s="3" t="s">
        <v>34</v>
      </c>
      <c r="N73" s="3" t="s">
        <v>52</v>
      </c>
      <c r="O73" s="3" t="s">
        <v>53</v>
      </c>
      <c r="P73" s="3" t="s">
        <v>54</v>
      </c>
      <c r="Q73" s="3" t="s">
        <v>38</v>
      </c>
      <c r="R73" s="3" t="s">
        <v>39</v>
      </c>
      <c r="S73" s="3" t="s">
        <v>365</v>
      </c>
      <c r="T73" s="3"/>
      <c r="U73" s="3" t="s">
        <v>37</v>
      </c>
      <c r="V73" s="3" t="s">
        <v>37</v>
      </c>
    </row>
    <row r="74" spans="1:22" x14ac:dyDescent="0.25">
      <c r="A74" s="3" t="s">
        <v>22</v>
      </c>
      <c r="B74" s="4" t="s">
        <v>250</v>
      </c>
      <c r="C74" s="3" t="s">
        <v>251</v>
      </c>
      <c r="D74" s="5" t="s">
        <v>220</v>
      </c>
      <c r="E74" s="3" t="s">
        <v>366</v>
      </c>
      <c r="F74" s="3" t="s">
        <v>367</v>
      </c>
      <c r="G74" s="3" t="s">
        <v>217</v>
      </c>
      <c r="H74" s="3" t="s">
        <v>29</v>
      </c>
      <c r="I74" s="3" t="s">
        <v>368</v>
      </c>
      <c r="J74" s="3" t="s">
        <v>369</v>
      </c>
      <c r="K74" s="3" t="s">
        <v>32</v>
      </c>
      <c r="L74" s="3" t="s">
        <v>33</v>
      </c>
      <c r="M74" s="3" t="s">
        <v>74</v>
      </c>
      <c r="N74" s="3" t="s">
        <v>370</v>
      </c>
      <c r="O74" s="3" t="s">
        <v>258</v>
      </c>
      <c r="P74" s="3" t="s">
        <v>37</v>
      </c>
      <c r="Q74" s="3" t="s">
        <v>38</v>
      </c>
      <c r="R74" s="3" t="s">
        <v>39</v>
      </c>
      <c r="S74" s="3" t="s">
        <v>371</v>
      </c>
      <c r="T74" s="3"/>
      <c r="U74" s="3" t="s">
        <v>37</v>
      </c>
      <c r="V74" s="3" t="s">
        <v>37</v>
      </c>
    </row>
    <row r="75" spans="1:22" x14ac:dyDescent="0.25">
      <c r="A75" s="3" t="s">
        <v>22</v>
      </c>
      <c r="B75" s="4" t="s">
        <v>250</v>
      </c>
      <c r="C75" s="3" t="s">
        <v>251</v>
      </c>
      <c r="D75" s="5" t="s">
        <v>372</v>
      </c>
      <c r="E75" s="3" t="s">
        <v>373</v>
      </c>
      <c r="F75" s="3" t="s">
        <v>374</v>
      </c>
      <c r="G75" s="3" t="s">
        <v>167</v>
      </c>
      <c r="H75" s="3" t="s">
        <v>212</v>
      </c>
      <c r="I75" s="3" t="s">
        <v>37</v>
      </c>
      <c r="J75" s="3" t="s">
        <v>375</v>
      </c>
      <c r="K75" s="3" t="s">
        <v>32</v>
      </c>
      <c r="L75" s="3" t="s">
        <v>33</v>
      </c>
      <c r="M75" s="3" t="s">
        <v>74</v>
      </c>
      <c r="N75" s="3" t="s">
        <v>75</v>
      </c>
      <c r="O75" s="3" t="s">
        <v>258</v>
      </c>
      <c r="P75" s="3" t="s">
        <v>54</v>
      </c>
      <c r="Q75" s="3" t="s">
        <v>37</v>
      </c>
      <c r="R75" s="3" t="s">
        <v>39</v>
      </c>
      <c r="S75" s="3" t="s">
        <v>376</v>
      </c>
      <c r="T75" s="3"/>
      <c r="U75" s="3" t="s">
        <v>37</v>
      </c>
      <c r="V75" s="3" t="s">
        <v>37</v>
      </c>
    </row>
    <row r="76" spans="1:22" x14ac:dyDescent="0.25">
      <c r="A76" s="3" t="s">
        <v>22</v>
      </c>
      <c r="B76" s="4" t="s">
        <v>250</v>
      </c>
      <c r="C76" s="3" t="s">
        <v>251</v>
      </c>
      <c r="D76" s="5" t="s">
        <v>377</v>
      </c>
      <c r="E76" s="3" t="s">
        <v>373</v>
      </c>
      <c r="F76" s="3" t="s">
        <v>378</v>
      </c>
      <c r="G76" s="3" t="s">
        <v>173</v>
      </c>
      <c r="H76" s="3" t="s">
        <v>212</v>
      </c>
      <c r="I76" s="3" t="s">
        <v>37</v>
      </c>
      <c r="J76" s="3" t="s">
        <v>375</v>
      </c>
      <c r="K76" s="3" t="s">
        <v>32</v>
      </c>
      <c r="L76" s="3" t="s">
        <v>33</v>
      </c>
      <c r="M76" s="3" t="s">
        <v>74</v>
      </c>
      <c r="N76" s="3" t="s">
        <v>75</v>
      </c>
      <c r="O76" s="3" t="s">
        <v>258</v>
      </c>
      <c r="P76" s="3" t="s">
        <v>54</v>
      </c>
      <c r="Q76" s="3" t="s">
        <v>37</v>
      </c>
      <c r="R76" s="3" t="s">
        <v>39</v>
      </c>
      <c r="S76" s="3" t="s">
        <v>379</v>
      </c>
      <c r="T76" s="3"/>
      <c r="U76" s="3" t="s">
        <v>37</v>
      </c>
      <c r="V76" s="3" t="s">
        <v>37</v>
      </c>
    </row>
    <row r="77" spans="1:22" x14ac:dyDescent="0.25">
      <c r="A77" s="3" t="s">
        <v>22</v>
      </c>
      <c r="B77" s="4" t="s">
        <v>250</v>
      </c>
      <c r="C77" s="3" t="s">
        <v>251</v>
      </c>
      <c r="D77" s="5" t="s">
        <v>380</v>
      </c>
      <c r="E77" s="3" t="s">
        <v>373</v>
      </c>
      <c r="F77" s="3" t="s">
        <v>381</v>
      </c>
      <c r="G77" s="3" t="s">
        <v>341</v>
      </c>
      <c r="H77" s="3" t="s">
        <v>212</v>
      </c>
      <c r="I77" s="3" t="s">
        <v>37</v>
      </c>
      <c r="J77" s="3" t="s">
        <v>375</v>
      </c>
      <c r="K77" s="3" t="s">
        <v>32</v>
      </c>
      <c r="L77" s="3" t="s">
        <v>33</v>
      </c>
      <c r="M77" s="3" t="s">
        <v>74</v>
      </c>
      <c r="N77" s="3" t="s">
        <v>75</v>
      </c>
      <c r="O77" s="3" t="s">
        <v>258</v>
      </c>
      <c r="P77" s="3" t="s">
        <v>54</v>
      </c>
      <c r="Q77" s="3" t="s">
        <v>37</v>
      </c>
      <c r="R77" s="3" t="s">
        <v>39</v>
      </c>
      <c r="S77" s="3" t="s">
        <v>382</v>
      </c>
      <c r="T77" s="3"/>
      <c r="U77" s="3" t="s">
        <v>37</v>
      </c>
      <c r="V77" s="3" t="s">
        <v>37</v>
      </c>
    </row>
    <row r="78" spans="1:22" x14ac:dyDescent="0.25">
      <c r="A78" s="3" t="s">
        <v>22</v>
      </c>
      <c r="B78" s="4" t="s">
        <v>250</v>
      </c>
      <c r="C78" s="3" t="s">
        <v>251</v>
      </c>
      <c r="D78" s="5" t="s">
        <v>229</v>
      </c>
      <c r="E78" s="3" t="s">
        <v>383</v>
      </c>
      <c r="F78" s="3" t="s">
        <v>384</v>
      </c>
      <c r="G78" s="3" t="s">
        <v>28</v>
      </c>
      <c r="H78" s="3" t="s">
        <v>29</v>
      </c>
      <c r="I78" s="3" t="s">
        <v>37</v>
      </c>
      <c r="J78" s="3" t="s">
        <v>385</v>
      </c>
      <c r="K78" s="3" t="s">
        <v>32</v>
      </c>
      <c r="L78" s="3" t="s">
        <v>33</v>
      </c>
      <c r="M78" s="3" t="s">
        <v>386</v>
      </c>
      <c r="N78" s="3" t="s">
        <v>75</v>
      </c>
      <c r="O78" s="3" t="s">
        <v>53</v>
      </c>
      <c r="P78" s="3" t="s">
        <v>54</v>
      </c>
      <c r="Q78" s="3" t="s">
        <v>37</v>
      </c>
      <c r="R78" s="3" t="s">
        <v>39</v>
      </c>
      <c r="S78" s="3" t="s">
        <v>387</v>
      </c>
      <c r="T78" s="3"/>
      <c r="U78" s="3" t="s">
        <v>37</v>
      </c>
      <c r="V78" s="3" t="s">
        <v>37</v>
      </c>
    </row>
    <row r="79" spans="1:22" x14ac:dyDescent="0.25">
      <c r="A79" s="3" t="s">
        <v>22</v>
      </c>
      <c r="B79" s="4" t="s">
        <v>250</v>
      </c>
      <c r="C79" s="3" t="s">
        <v>251</v>
      </c>
      <c r="D79" s="5" t="s">
        <v>236</v>
      </c>
      <c r="E79" s="3" t="s">
        <v>383</v>
      </c>
      <c r="F79" s="3" t="s">
        <v>388</v>
      </c>
      <c r="G79" s="3" t="s">
        <v>43</v>
      </c>
      <c r="H79" s="3" t="s">
        <v>29</v>
      </c>
      <c r="I79" s="3" t="s">
        <v>37</v>
      </c>
      <c r="J79" s="3" t="s">
        <v>389</v>
      </c>
      <c r="K79" s="3" t="s">
        <v>32</v>
      </c>
      <c r="L79" s="3" t="s">
        <v>33</v>
      </c>
      <c r="M79" s="3" t="s">
        <v>386</v>
      </c>
      <c r="N79" s="3" t="s">
        <v>75</v>
      </c>
      <c r="O79" s="3" t="s">
        <v>53</v>
      </c>
      <c r="P79" s="3" t="s">
        <v>54</v>
      </c>
      <c r="Q79" s="3" t="s">
        <v>37</v>
      </c>
      <c r="R79" s="3" t="s">
        <v>39</v>
      </c>
      <c r="S79" s="3" t="s">
        <v>390</v>
      </c>
      <c r="T79" s="3"/>
      <c r="U79" s="3" t="s">
        <v>37</v>
      </c>
      <c r="V79" s="3" t="s">
        <v>37</v>
      </c>
    </row>
    <row r="80" spans="1:22" x14ac:dyDescent="0.25">
      <c r="A80" s="3" t="s">
        <v>22</v>
      </c>
      <c r="B80" s="4" t="s">
        <v>250</v>
      </c>
      <c r="C80" s="3" t="s">
        <v>251</v>
      </c>
      <c r="D80" s="5" t="s">
        <v>240</v>
      </c>
      <c r="E80" s="3" t="s">
        <v>130</v>
      </c>
      <c r="F80" s="3" t="s">
        <v>391</v>
      </c>
      <c r="G80" s="3" t="s">
        <v>145</v>
      </c>
      <c r="H80" s="3" t="s">
        <v>29</v>
      </c>
      <c r="I80" s="3" t="s">
        <v>324</v>
      </c>
      <c r="J80" s="3" t="s">
        <v>392</v>
      </c>
      <c r="K80" s="3" t="s">
        <v>32</v>
      </c>
      <c r="L80" s="3" t="s">
        <v>33</v>
      </c>
      <c r="M80" s="3" t="s">
        <v>74</v>
      </c>
      <c r="N80" s="3" t="s">
        <v>153</v>
      </c>
      <c r="O80" s="3" t="s">
        <v>53</v>
      </c>
      <c r="P80" s="3" t="s">
        <v>37</v>
      </c>
      <c r="Q80" s="3" t="s">
        <v>37</v>
      </c>
      <c r="R80" s="3" t="s">
        <v>39</v>
      </c>
      <c r="S80" s="3" t="s">
        <v>393</v>
      </c>
      <c r="T80" s="3"/>
      <c r="U80" s="3" t="s">
        <v>37</v>
      </c>
      <c r="V80" s="3" t="s">
        <v>37</v>
      </c>
    </row>
    <row r="81" spans="1:22" x14ac:dyDescent="0.25">
      <c r="A81" s="3" t="s">
        <v>22</v>
      </c>
      <c r="B81" s="4" t="s">
        <v>250</v>
      </c>
      <c r="C81" s="3" t="s">
        <v>251</v>
      </c>
      <c r="D81" s="5" t="s">
        <v>245</v>
      </c>
      <c r="E81" s="3" t="s">
        <v>130</v>
      </c>
      <c r="F81" s="3" t="s">
        <v>394</v>
      </c>
      <c r="G81" s="3" t="s">
        <v>395</v>
      </c>
      <c r="H81" s="3" t="s">
        <v>29</v>
      </c>
      <c r="I81" s="3" t="s">
        <v>324</v>
      </c>
      <c r="J81" s="3" t="s">
        <v>396</v>
      </c>
      <c r="K81" s="3" t="s">
        <v>32</v>
      </c>
      <c r="L81" s="3" t="s">
        <v>33</v>
      </c>
      <c r="M81" s="3" t="s">
        <v>74</v>
      </c>
      <c r="N81" s="3" t="s">
        <v>153</v>
      </c>
      <c r="O81" s="3" t="s">
        <v>53</v>
      </c>
      <c r="P81" s="3" t="s">
        <v>37</v>
      </c>
      <c r="Q81" s="3" t="s">
        <v>37</v>
      </c>
      <c r="R81" s="3" t="s">
        <v>39</v>
      </c>
      <c r="S81" s="3" t="s">
        <v>397</v>
      </c>
      <c r="T81" s="3"/>
      <c r="U81" s="3" t="s">
        <v>37</v>
      </c>
      <c r="V81" s="3" t="s">
        <v>327</v>
      </c>
    </row>
    <row r="82" spans="1:22" x14ac:dyDescent="0.25">
      <c r="A82" s="3"/>
      <c r="B82" s="4"/>
      <c r="C82" s="3"/>
      <c r="D82" s="5"/>
      <c r="E82" s="6" t="s">
        <v>249</v>
      </c>
      <c r="F82" s="3"/>
      <c r="G82" s="3"/>
      <c r="H82" s="3"/>
      <c r="I82" s="3"/>
      <c r="J82" s="3"/>
      <c r="K82" s="3"/>
      <c r="L82" s="3"/>
      <c r="M82" s="3"/>
      <c r="N82" s="3"/>
      <c r="O82" s="3"/>
      <c r="P82" s="3"/>
      <c r="Q82" s="3"/>
      <c r="R82" s="3"/>
      <c r="S82" s="3"/>
      <c r="T82" s="3"/>
      <c r="U82" s="3"/>
      <c r="V82" s="3"/>
    </row>
    <row r="83" spans="1:22" x14ac:dyDescent="0.25">
      <c r="A83" s="3"/>
      <c r="B83" s="4"/>
      <c r="C83" s="3"/>
      <c r="D83" s="5"/>
      <c r="E83" s="6"/>
      <c r="F83" s="3"/>
      <c r="G83" s="3"/>
      <c r="H83" s="3"/>
      <c r="I83" s="3"/>
      <c r="J83" s="3"/>
      <c r="K83" s="3"/>
      <c r="L83" s="3"/>
      <c r="M83" s="3"/>
      <c r="N83" s="3"/>
      <c r="O83" s="3"/>
      <c r="P83" s="3"/>
      <c r="Q83" s="3"/>
      <c r="R83" s="3"/>
      <c r="S83" s="3"/>
      <c r="T83" s="3"/>
      <c r="U83" s="3"/>
      <c r="V83" s="3"/>
    </row>
    <row r="84" spans="1:22" x14ac:dyDescent="0.25">
      <c r="A84" s="3" t="s">
        <v>22</v>
      </c>
      <c r="B84" s="4" t="s">
        <v>398</v>
      </c>
      <c r="C84" s="3" t="s">
        <v>399</v>
      </c>
      <c r="D84" s="5" t="s">
        <v>25</v>
      </c>
      <c r="E84" s="3" t="s">
        <v>130</v>
      </c>
      <c r="F84" s="3" t="s">
        <v>323</v>
      </c>
      <c r="G84" s="3" t="s">
        <v>88</v>
      </c>
      <c r="H84" s="3" t="s">
        <v>29</v>
      </c>
      <c r="I84" s="3" t="s">
        <v>324</v>
      </c>
      <c r="J84" s="3" t="s">
        <v>325</v>
      </c>
      <c r="K84" s="3" t="s">
        <v>32</v>
      </c>
      <c r="L84" s="3" t="s">
        <v>33</v>
      </c>
      <c r="M84" s="3" t="s">
        <v>74</v>
      </c>
      <c r="N84" s="3" t="s">
        <v>153</v>
      </c>
      <c r="O84" s="3" t="s">
        <v>53</v>
      </c>
      <c r="P84" s="3" t="s">
        <v>37</v>
      </c>
      <c r="Q84" s="3" t="s">
        <v>37</v>
      </c>
      <c r="R84" s="3" t="s">
        <v>39</v>
      </c>
      <c r="S84" s="3" t="s">
        <v>326</v>
      </c>
      <c r="T84" s="3"/>
      <c r="U84" s="3" t="s">
        <v>37</v>
      </c>
      <c r="V84" s="3" t="s">
        <v>327</v>
      </c>
    </row>
    <row r="85" spans="1:22" x14ac:dyDescent="0.25">
      <c r="A85" s="3" t="s">
        <v>22</v>
      </c>
      <c r="B85" s="4" t="s">
        <v>398</v>
      </c>
      <c r="C85" s="3" t="s">
        <v>399</v>
      </c>
      <c r="D85" s="5" t="s">
        <v>41</v>
      </c>
      <c r="E85" s="3" t="s">
        <v>130</v>
      </c>
      <c r="F85" s="3" t="s">
        <v>400</v>
      </c>
      <c r="G85" s="3" t="s">
        <v>212</v>
      </c>
      <c r="H85" s="3" t="s">
        <v>29</v>
      </c>
      <c r="I85" s="3" t="s">
        <v>401</v>
      </c>
      <c r="J85" s="3" t="s">
        <v>402</v>
      </c>
      <c r="K85" s="3" t="s">
        <v>32</v>
      </c>
      <c r="L85" s="3" t="s">
        <v>33</v>
      </c>
      <c r="M85" s="3" t="s">
        <v>74</v>
      </c>
      <c r="N85" s="3" t="s">
        <v>153</v>
      </c>
      <c r="O85" s="3" t="s">
        <v>53</v>
      </c>
      <c r="P85" s="3" t="s">
        <v>37</v>
      </c>
      <c r="Q85" s="3" t="s">
        <v>37</v>
      </c>
      <c r="R85" s="3" t="s">
        <v>39</v>
      </c>
      <c r="S85" s="3" t="s">
        <v>403</v>
      </c>
      <c r="T85" s="3"/>
      <c r="U85" s="3" t="s">
        <v>37</v>
      </c>
      <c r="V85" s="3" t="s">
        <v>327</v>
      </c>
    </row>
    <row r="86" spans="1:22" x14ac:dyDescent="0.25">
      <c r="A86" s="3" t="s">
        <v>22</v>
      </c>
      <c r="B86" s="4" t="s">
        <v>398</v>
      </c>
      <c r="C86" s="3" t="s">
        <v>399</v>
      </c>
      <c r="D86" s="5" t="s">
        <v>46</v>
      </c>
      <c r="E86" s="3" t="s">
        <v>47</v>
      </c>
      <c r="F86" s="3" t="s">
        <v>404</v>
      </c>
      <c r="G86" s="3" t="s">
        <v>405</v>
      </c>
      <c r="H86" s="3" t="s">
        <v>133</v>
      </c>
      <c r="I86" s="3" t="s">
        <v>50</v>
      </c>
      <c r="J86" s="3" t="s">
        <v>406</v>
      </c>
      <c r="K86" s="3" t="s">
        <v>32</v>
      </c>
      <c r="L86" s="3" t="s">
        <v>33</v>
      </c>
      <c r="M86" s="3" t="s">
        <v>34</v>
      </c>
      <c r="N86" s="3" t="s">
        <v>296</v>
      </c>
      <c r="O86" s="3" t="s">
        <v>53</v>
      </c>
      <c r="P86" s="3" t="s">
        <v>54</v>
      </c>
      <c r="Q86" s="3" t="s">
        <v>37</v>
      </c>
      <c r="R86" s="3" t="s">
        <v>39</v>
      </c>
      <c r="S86" s="3" t="s">
        <v>407</v>
      </c>
      <c r="T86" s="3"/>
      <c r="U86" s="3" t="s">
        <v>37</v>
      </c>
      <c r="V86" s="3" t="s">
        <v>37</v>
      </c>
    </row>
    <row r="87" spans="1:22" x14ac:dyDescent="0.25">
      <c r="A87" s="3" t="s">
        <v>22</v>
      </c>
      <c r="B87" s="4" t="s">
        <v>398</v>
      </c>
      <c r="C87" s="3" t="s">
        <v>399</v>
      </c>
      <c r="D87" s="5" t="s">
        <v>56</v>
      </c>
      <c r="E87" s="3" t="s">
        <v>47</v>
      </c>
      <c r="F87" s="3" t="s">
        <v>408</v>
      </c>
      <c r="G87" s="3" t="s">
        <v>132</v>
      </c>
      <c r="H87" s="3" t="s">
        <v>133</v>
      </c>
      <c r="I87" s="3" t="s">
        <v>50</v>
      </c>
      <c r="J87" s="3" t="s">
        <v>409</v>
      </c>
      <c r="K87" s="3" t="s">
        <v>32</v>
      </c>
      <c r="L87" s="3" t="s">
        <v>33</v>
      </c>
      <c r="M87" s="3" t="s">
        <v>34</v>
      </c>
      <c r="N87" s="3" t="s">
        <v>296</v>
      </c>
      <c r="O87" s="3" t="s">
        <v>53</v>
      </c>
      <c r="P87" s="3" t="s">
        <v>54</v>
      </c>
      <c r="Q87" s="3" t="s">
        <v>37</v>
      </c>
      <c r="R87" s="3" t="s">
        <v>39</v>
      </c>
      <c r="S87" s="3" t="s">
        <v>410</v>
      </c>
      <c r="T87" s="3"/>
      <c r="U87" s="3" t="s">
        <v>37</v>
      </c>
      <c r="V87" s="3" t="s">
        <v>37</v>
      </c>
    </row>
    <row r="88" spans="1:22" x14ac:dyDescent="0.25">
      <c r="A88" s="3" t="s">
        <v>22</v>
      </c>
      <c r="B88" s="4" t="s">
        <v>398</v>
      </c>
      <c r="C88" s="3" t="s">
        <v>399</v>
      </c>
      <c r="D88" s="5" t="s">
        <v>61</v>
      </c>
      <c r="E88" s="3" t="s">
        <v>47</v>
      </c>
      <c r="F88" s="3" t="s">
        <v>411</v>
      </c>
      <c r="G88" s="3" t="s">
        <v>139</v>
      </c>
      <c r="H88" s="3" t="s">
        <v>133</v>
      </c>
      <c r="I88" s="3" t="s">
        <v>50</v>
      </c>
      <c r="J88" s="3" t="s">
        <v>412</v>
      </c>
      <c r="K88" s="3" t="s">
        <v>32</v>
      </c>
      <c r="L88" s="3" t="s">
        <v>33</v>
      </c>
      <c r="M88" s="3" t="s">
        <v>34</v>
      </c>
      <c r="N88" s="3" t="s">
        <v>296</v>
      </c>
      <c r="O88" s="3" t="s">
        <v>53</v>
      </c>
      <c r="P88" s="3" t="s">
        <v>54</v>
      </c>
      <c r="Q88" s="3" t="s">
        <v>37</v>
      </c>
      <c r="R88" s="3" t="s">
        <v>39</v>
      </c>
      <c r="S88" s="3" t="s">
        <v>413</v>
      </c>
      <c r="T88" s="3"/>
      <c r="U88" s="3" t="s">
        <v>37</v>
      </c>
      <c r="V88" s="3" t="s">
        <v>37</v>
      </c>
    </row>
    <row r="89" spans="1:22" x14ac:dyDescent="0.25">
      <c r="A89" s="3" t="s">
        <v>22</v>
      </c>
      <c r="B89" s="4" t="s">
        <v>398</v>
      </c>
      <c r="C89" s="3" t="s">
        <v>399</v>
      </c>
      <c r="D89" s="5" t="s">
        <v>414</v>
      </c>
      <c r="E89" s="3" t="s">
        <v>47</v>
      </c>
      <c r="F89" s="3" t="s">
        <v>415</v>
      </c>
      <c r="G89" s="3" t="s">
        <v>191</v>
      </c>
      <c r="H89" s="3" t="s">
        <v>133</v>
      </c>
      <c r="I89" s="3" t="s">
        <v>50</v>
      </c>
      <c r="J89" s="3" t="s">
        <v>416</v>
      </c>
      <c r="K89" s="3" t="s">
        <v>32</v>
      </c>
      <c r="L89" s="3" t="s">
        <v>33</v>
      </c>
      <c r="M89" s="3" t="s">
        <v>34</v>
      </c>
      <c r="N89" s="3" t="s">
        <v>296</v>
      </c>
      <c r="O89" s="3" t="s">
        <v>105</v>
      </c>
      <c r="P89" s="3" t="s">
        <v>54</v>
      </c>
      <c r="Q89" s="3" t="s">
        <v>37</v>
      </c>
      <c r="R89" s="3" t="s">
        <v>39</v>
      </c>
      <c r="S89" s="3" t="s">
        <v>417</v>
      </c>
      <c r="T89" s="3"/>
      <c r="U89" s="3" t="s">
        <v>37</v>
      </c>
      <c r="V89" s="3" t="s">
        <v>37</v>
      </c>
    </row>
    <row r="90" spans="1:22" x14ac:dyDescent="0.25">
      <c r="A90" s="3" t="s">
        <v>22</v>
      </c>
      <c r="B90" s="4" t="s">
        <v>398</v>
      </c>
      <c r="C90" s="3" t="s">
        <v>399</v>
      </c>
      <c r="D90" s="5" t="s">
        <v>418</v>
      </c>
      <c r="E90" s="3" t="s">
        <v>419</v>
      </c>
      <c r="F90" s="3" t="s">
        <v>420</v>
      </c>
      <c r="G90" s="3" t="s">
        <v>64</v>
      </c>
      <c r="H90" s="3" t="s">
        <v>29</v>
      </c>
      <c r="I90" s="3" t="s">
        <v>421</v>
      </c>
      <c r="J90" s="3" t="s">
        <v>422</v>
      </c>
      <c r="K90" s="3" t="s">
        <v>32</v>
      </c>
      <c r="L90" s="3" t="s">
        <v>33</v>
      </c>
      <c r="M90" s="3" t="s">
        <v>34</v>
      </c>
      <c r="N90" s="3" t="s">
        <v>153</v>
      </c>
      <c r="O90" s="3" t="s">
        <v>36</v>
      </c>
      <c r="P90" s="3" t="s">
        <v>37</v>
      </c>
      <c r="Q90" s="3" t="s">
        <v>37</v>
      </c>
      <c r="R90" s="3" t="s">
        <v>39</v>
      </c>
      <c r="S90" s="3" t="s">
        <v>423</v>
      </c>
      <c r="T90" s="3"/>
      <c r="U90" s="3" t="s">
        <v>37</v>
      </c>
      <c r="V90" s="3" t="s">
        <v>37</v>
      </c>
    </row>
    <row r="91" spans="1:22" x14ac:dyDescent="0.25">
      <c r="A91" s="3" t="s">
        <v>22</v>
      </c>
      <c r="B91" s="4" t="s">
        <v>398</v>
      </c>
      <c r="C91" s="3" t="s">
        <v>399</v>
      </c>
      <c r="D91" s="5" t="s">
        <v>424</v>
      </c>
      <c r="E91" s="3" t="s">
        <v>419</v>
      </c>
      <c r="F91" s="3" t="s">
        <v>425</v>
      </c>
      <c r="G91" s="3" t="s">
        <v>145</v>
      </c>
      <c r="H91" s="3" t="s">
        <v>29</v>
      </c>
      <c r="I91" s="3" t="s">
        <v>426</v>
      </c>
      <c r="J91" s="3" t="s">
        <v>427</v>
      </c>
      <c r="K91" s="3" t="s">
        <v>32</v>
      </c>
      <c r="L91" s="3" t="s">
        <v>33</v>
      </c>
      <c r="M91" s="3" t="s">
        <v>34</v>
      </c>
      <c r="N91" s="3" t="s">
        <v>153</v>
      </c>
      <c r="O91" s="3" t="s">
        <v>36</v>
      </c>
      <c r="P91" s="3" t="s">
        <v>37</v>
      </c>
      <c r="Q91" s="3" t="s">
        <v>37</v>
      </c>
      <c r="R91" s="3" t="s">
        <v>39</v>
      </c>
      <c r="S91" s="3" t="s">
        <v>428</v>
      </c>
      <c r="T91" s="3"/>
      <c r="U91" s="3" t="s">
        <v>37</v>
      </c>
      <c r="V91" s="3" t="s">
        <v>37</v>
      </c>
    </row>
    <row r="92" spans="1:22" x14ac:dyDescent="0.25">
      <c r="A92" s="3" t="s">
        <v>22</v>
      </c>
      <c r="B92" s="4" t="s">
        <v>398</v>
      </c>
      <c r="C92" s="3" t="s">
        <v>399</v>
      </c>
      <c r="D92" s="5" t="s">
        <v>429</v>
      </c>
      <c r="E92" s="3" t="s">
        <v>62</v>
      </c>
      <c r="F92" s="3" t="s">
        <v>430</v>
      </c>
      <c r="G92" s="3" t="s">
        <v>122</v>
      </c>
      <c r="H92" s="3" t="s">
        <v>29</v>
      </c>
      <c r="I92" s="3" t="s">
        <v>65</v>
      </c>
      <c r="J92" s="3" t="s">
        <v>431</v>
      </c>
      <c r="K92" s="3" t="s">
        <v>32</v>
      </c>
      <c r="L92" s="3" t="s">
        <v>33</v>
      </c>
      <c r="M92" s="3" t="s">
        <v>34</v>
      </c>
      <c r="N92" s="3" t="s">
        <v>35</v>
      </c>
      <c r="O92" s="3" t="s">
        <v>67</v>
      </c>
      <c r="P92" s="3" t="s">
        <v>37</v>
      </c>
      <c r="Q92" s="3" t="s">
        <v>38</v>
      </c>
      <c r="R92" s="3" t="s">
        <v>39</v>
      </c>
      <c r="S92" s="3" t="s">
        <v>432</v>
      </c>
      <c r="T92" s="3"/>
      <c r="U92" s="3" t="s">
        <v>37</v>
      </c>
      <c r="V92" s="3" t="s">
        <v>37</v>
      </c>
    </row>
    <row r="93" spans="1:22" x14ac:dyDescent="0.25">
      <c r="A93" s="3" t="s">
        <v>22</v>
      </c>
      <c r="B93" s="4" t="s">
        <v>398</v>
      </c>
      <c r="C93" s="3" t="s">
        <v>399</v>
      </c>
      <c r="D93" s="5" t="s">
        <v>433</v>
      </c>
      <c r="E93" s="3" t="s">
        <v>165</v>
      </c>
      <c r="F93" s="3" t="s">
        <v>434</v>
      </c>
      <c r="G93" s="3" t="s">
        <v>435</v>
      </c>
      <c r="H93" s="3" t="s">
        <v>88</v>
      </c>
      <c r="I93" s="3" t="s">
        <v>37</v>
      </c>
      <c r="J93" s="3" t="s">
        <v>436</v>
      </c>
      <c r="K93" s="3" t="s">
        <v>32</v>
      </c>
      <c r="L93" s="3" t="s">
        <v>33</v>
      </c>
      <c r="M93" s="3" t="s">
        <v>74</v>
      </c>
      <c r="N93" s="3" t="s">
        <v>234</v>
      </c>
      <c r="O93" s="3" t="s">
        <v>53</v>
      </c>
      <c r="P93" s="3" t="s">
        <v>54</v>
      </c>
      <c r="Q93" s="3" t="s">
        <v>37</v>
      </c>
      <c r="R93" s="3" t="s">
        <v>39</v>
      </c>
      <c r="S93" s="3" t="s">
        <v>437</v>
      </c>
      <c r="T93" s="3"/>
      <c r="U93" s="3" t="s">
        <v>37</v>
      </c>
      <c r="V93" s="3" t="s">
        <v>37</v>
      </c>
    </row>
    <row r="94" spans="1:22" x14ac:dyDescent="0.25">
      <c r="A94" s="3" t="s">
        <v>22</v>
      </c>
      <c r="B94" s="4" t="s">
        <v>398</v>
      </c>
      <c r="C94" s="3" t="s">
        <v>399</v>
      </c>
      <c r="D94" s="5" t="s">
        <v>438</v>
      </c>
      <c r="E94" s="3" t="s">
        <v>165</v>
      </c>
      <c r="F94" s="3" t="s">
        <v>439</v>
      </c>
      <c r="G94" s="3" t="s">
        <v>440</v>
      </c>
      <c r="H94" s="3" t="s">
        <v>88</v>
      </c>
      <c r="I94" s="3" t="s">
        <v>37</v>
      </c>
      <c r="J94" s="3" t="s">
        <v>441</v>
      </c>
      <c r="K94" s="3" t="s">
        <v>32</v>
      </c>
      <c r="L94" s="3" t="s">
        <v>33</v>
      </c>
      <c r="M94" s="3" t="s">
        <v>74</v>
      </c>
      <c r="N94" s="3" t="s">
        <v>234</v>
      </c>
      <c r="O94" s="3" t="s">
        <v>53</v>
      </c>
      <c r="P94" s="3" t="s">
        <v>54</v>
      </c>
      <c r="Q94" s="3" t="s">
        <v>37</v>
      </c>
      <c r="R94" s="3" t="s">
        <v>39</v>
      </c>
      <c r="S94" s="3" t="s">
        <v>442</v>
      </c>
      <c r="T94" s="3"/>
      <c r="U94" s="3" t="s">
        <v>37</v>
      </c>
      <c r="V94" s="3" t="s">
        <v>37</v>
      </c>
    </row>
    <row r="95" spans="1:22" x14ac:dyDescent="0.25">
      <c r="A95" s="3" t="s">
        <v>22</v>
      </c>
      <c r="B95" s="4" t="s">
        <v>398</v>
      </c>
      <c r="C95" s="3" t="s">
        <v>399</v>
      </c>
      <c r="D95" s="5" t="s">
        <v>91</v>
      </c>
      <c r="E95" s="3" t="s">
        <v>47</v>
      </c>
      <c r="F95" s="3" t="s">
        <v>97</v>
      </c>
      <c r="G95" s="3" t="s">
        <v>98</v>
      </c>
      <c r="H95" s="3" t="s">
        <v>88</v>
      </c>
      <c r="I95" s="3" t="s">
        <v>50</v>
      </c>
      <c r="J95" s="3" t="s">
        <v>99</v>
      </c>
      <c r="K95" s="3" t="s">
        <v>32</v>
      </c>
      <c r="L95" s="3" t="s">
        <v>33</v>
      </c>
      <c r="M95" s="3" t="s">
        <v>34</v>
      </c>
      <c r="N95" s="3" t="s">
        <v>75</v>
      </c>
      <c r="O95" s="3" t="s">
        <v>53</v>
      </c>
      <c r="P95" s="3" t="s">
        <v>54</v>
      </c>
      <c r="Q95" s="3" t="s">
        <v>37</v>
      </c>
      <c r="R95" s="3" t="s">
        <v>39</v>
      </c>
      <c r="S95" s="3" t="s">
        <v>100</v>
      </c>
      <c r="T95" s="3"/>
      <c r="U95" s="3" t="s">
        <v>37</v>
      </c>
      <c r="V95" s="3" t="s">
        <v>37</v>
      </c>
    </row>
    <row r="96" spans="1:22" x14ac:dyDescent="0.25">
      <c r="A96" s="3" t="s">
        <v>22</v>
      </c>
      <c r="B96" s="4" t="s">
        <v>398</v>
      </c>
      <c r="C96" s="3" t="s">
        <v>399</v>
      </c>
      <c r="D96" s="5" t="s">
        <v>96</v>
      </c>
      <c r="E96" s="3" t="s">
        <v>70</v>
      </c>
      <c r="F96" s="3" t="s">
        <v>443</v>
      </c>
      <c r="G96" s="3" t="s">
        <v>217</v>
      </c>
      <c r="H96" s="3" t="s">
        <v>29</v>
      </c>
      <c r="I96" s="3" t="s">
        <v>37</v>
      </c>
      <c r="J96" s="3" t="s">
        <v>444</v>
      </c>
      <c r="K96" s="3" t="s">
        <v>32</v>
      </c>
      <c r="L96" s="3" t="s">
        <v>33</v>
      </c>
      <c r="M96" s="3" t="s">
        <v>74</v>
      </c>
      <c r="N96" s="3" t="s">
        <v>75</v>
      </c>
      <c r="O96" s="3" t="s">
        <v>53</v>
      </c>
      <c r="P96" s="3" t="s">
        <v>54</v>
      </c>
      <c r="Q96" s="3" t="s">
        <v>37</v>
      </c>
      <c r="R96" s="3" t="s">
        <v>39</v>
      </c>
      <c r="S96" s="3" t="s">
        <v>445</v>
      </c>
      <c r="T96" s="3"/>
      <c r="U96" s="3" t="s">
        <v>37</v>
      </c>
      <c r="V96" s="3" t="s">
        <v>37</v>
      </c>
    </row>
    <row r="97" spans="1:22" x14ac:dyDescent="0.25">
      <c r="A97" s="3" t="s">
        <v>22</v>
      </c>
      <c r="B97" s="4" t="s">
        <v>398</v>
      </c>
      <c r="C97" s="3" t="s">
        <v>399</v>
      </c>
      <c r="D97" s="5" t="s">
        <v>446</v>
      </c>
      <c r="E97" s="3" t="s">
        <v>70</v>
      </c>
      <c r="F97" s="3" t="s">
        <v>447</v>
      </c>
      <c r="G97" s="3" t="s">
        <v>254</v>
      </c>
      <c r="H97" s="3" t="s">
        <v>29</v>
      </c>
      <c r="I97" s="3" t="s">
        <v>37</v>
      </c>
      <c r="J97" s="3" t="s">
        <v>448</v>
      </c>
      <c r="K97" s="3" t="s">
        <v>32</v>
      </c>
      <c r="L97" s="3" t="s">
        <v>33</v>
      </c>
      <c r="M97" s="3" t="s">
        <v>74</v>
      </c>
      <c r="N97" s="3" t="s">
        <v>75</v>
      </c>
      <c r="O97" s="3" t="s">
        <v>53</v>
      </c>
      <c r="P97" s="3" t="s">
        <v>54</v>
      </c>
      <c r="Q97" s="3" t="s">
        <v>37</v>
      </c>
      <c r="R97" s="3" t="s">
        <v>39</v>
      </c>
      <c r="S97" s="3" t="s">
        <v>449</v>
      </c>
      <c r="T97" s="3"/>
      <c r="U97" s="3" t="s">
        <v>37</v>
      </c>
      <c r="V97" s="3" t="s">
        <v>37</v>
      </c>
    </row>
    <row r="98" spans="1:22" x14ac:dyDescent="0.25">
      <c r="A98" s="3" t="s">
        <v>22</v>
      </c>
      <c r="B98" s="4" t="s">
        <v>398</v>
      </c>
      <c r="C98" s="3" t="s">
        <v>399</v>
      </c>
      <c r="D98" s="5" t="s">
        <v>107</v>
      </c>
      <c r="E98" s="3" t="s">
        <v>450</v>
      </c>
      <c r="F98" s="3" t="s">
        <v>451</v>
      </c>
      <c r="G98" s="3" t="s">
        <v>440</v>
      </c>
      <c r="H98" s="3" t="s">
        <v>133</v>
      </c>
      <c r="I98" s="3" t="s">
        <v>37</v>
      </c>
      <c r="J98" s="3" t="s">
        <v>452</v>
      </c>
      <c r="K98" s="3" t="s">
        <v>32</v>
      </c>
      <c r="L98" s="3" t="s">
        <v>33</v>
      </c>
      <c r="M98" s="3" t="s">
        <v>74</v>
      </c>
      <c r="N98" s="3" t="s">
        <v>75</v>
      </c>
      <c r="O98" s="3" t="s">
        <v>118</v>
      </c>
      <c r="P98" s="3" t="s">
        <v>37</v>
      </c>
      <c r="Q98" s="3" t="s">
        <v>37</v>
      </c>
      <c r="R98" s="3" t="s">
        <v>39</v>
      </c>
      <c r="S98" s="3" t="s">
        <v>453</v>
      </c>
      <c r="T98" s="3"/>
      <c r="U98" s="3" t="s">
        <v>37</v>
      </c>
      <c r="V98" s="3" t="s">
        <v>37</v>
      </c>
    </row>
    <row r="99" spans="1:22" x14ac:dyDescent="0.25">
      <c r="A99" s="3" t="s">
        <v>22</v>
      </c>
      <c r="B99" s="4" t="s">
        <v>398</v>
      </c>
      <c r="C99" s="3" t="s">
        <v>399</v>
      </c>
      <c r="D99" s="5" t="s">
        <v>454</v>
      </c>
      <c r="E99" s="3" t="s">
        <v>450</v>
      </c>
      <c r="F99" s="3" t="s">
        <v>455</v>
      </c>
      <c r="G99" s="3" t="s">
        <v>456</v>
      </c>
      <c r="H99" s="3" t="s">
        <v>133</v>
      </c>
      <c r="I99" s="3" t="s">
        <v>37</v>
      </c>
      <c r="J99" s="3" t="s">
        <v>37</v>
      </c>
      <c r="K99" s="3" t="s">
        <v>32</v>
      </c>
      <c r="L99" s="3" t="s">
        <v>33</v>
      </c>
      <c r="M99" s="3" t="s">
        <v>74</v>
      </c>
      <c r="N99" s="3" t="s">
        <v>75</v>
      </c>
      <c r="O99" s="3" t="s">
        <v>37</v>
      </c>
      <c r="P99" s="3" t="s">
        <v>37</v>
      </c>
      <c r="Q99" s="3" t="s">
        <v>37</v>
      </c>
      <c r="R99" s="3" t="s">
        <v>39</v>
      </c>
      <c r="S99" s="3" t="s">
        <v>457</v>
      </c>
      <c r="T99" s="3" t="s">
        <v>282</v>
      </c>
      <c r="U99" s="3" t="s">
        <v>37</v>
      </c>
      <c r="V99" s="3" t="s">
        <v>37</v>
      </c>
    </row>
    <row r="100" spans="1:22" x14ac:dyDescent="0.25">
      <c r="A100" s="3" t="s">
        <v>22</v>
      </c>
      <c r="B100" s="4" t="s">
        <v>398</v>
      </c>
      <c r="C100" s="3" t="s">
        <v>399</v>
      </c>
      <c r="D100" s="5" t="s">
        <v>458</v>
      </c>
      <c r="E100" s="3" t="s">
        <v>450</v>
      </c>
      <c r="F100" s="3" t="s">
        <v>459</v>
      </c>
      <c r="G100" s="3" t="s">
        <v>460</v>
      </c>
      <c r="H100" s="3" t="s">
        <v>133</v>
      </c>
      <c r="I100" s="3" t="s">
        <v>37</v>
      </c>
      <c r="J100" s="3" t="s">
        <v>37</v>
      </c>
      <c r="K100" s="3" t="s">
        <v>32</v>
      </c>
      <c r="L100" s="3" t="s">
        <v>33</v>
      </c>
      <c r="M100" s="3" t="s">
        <v>74</v>
      </c>
      <c r="N100" s="3" t="s">
        <v>75</v>
      </c>
      <c r="O100" s="3" t="s">
        <v>37</v>
      </c>
      <c r="P100" s="3" t="s">
        <v>37</v>
      </c>
      <c r="Q100" s="3" t="s">
        <v>37</v>
      </c>
      <c r="R100" s="3" t="s">
        <v>39</v>
      </c>
      <c r="S100" s="3" t="s">
        <v>461</v>
      </c>
      <c r="T100" s="3" t="s">
        <v>282</v>
      </c>
      <c r="U100" s="3" t="s">
        <v>37</v>
      </c>
      <c r="V100" s="3" t="s">
        <v>37</v>
      </c>
    </row>
    <row r="101" spans="1:22" x14ac:dyDescent="0.25">
      <c r="A101" s="3" t="s">
        <v>22</v>
      </c>
      <c r="B101" s="4" t="s">
        <v>398</v>
      </c>
      <c r="C101" s="3" t="s">
        <v>399</v>
      </c>
      <c r="D101" s="5" t="s">
        <v>462</v>
      </c>
      <c r="E101" s="3" t="s">
        <v>47</v>
      </c>
      <c r="F101" s="3" t="s">
        <v>463</v>
      </c>
      <c r="G101" s="3" t="s">
        <v>29</v>
      </c>
      <c r="H101" s="3" t="s">
        <v>29</v>
      </c>
      <c r="I101" s="3" t="s">
        <v>50</v>
      </c>
      <c r="J101" s="3" t="s">
        <v>464</v>
      </c>
      <c r="K101" s="3" t="s">
        <v>32</v>
      </c>
      <c r="L101" s="3" t="s">
        <v>33</v>
      </c>
      <c r="M101" s="3" t="s">
        <v>34</v>
      </c>
      <c r="N101" s="3" t="s">
        <v>52</v>
      </c>
      <c r="O101" s="3" t="s">
        <v>53</v>
      </c>
      <c r="P101" s="3" t="s">
        <v>54</v>
      </c>
      <c r="Q101" s="3" t="s">
        <v>38</v>
      </c>
      <c r="R101" s="3" t="s">
        <v>39</v>
      </c>
      <c r="S101" s="3" t="s">
        <v>465</v>
      </c>
      <c r="T101" s="3"/>
      <c r="U101" s="3" t="s">
        <v>37</v>
      </c>
      <c r="V101" s="3" t="s">
        <v>37</v>
      </c>
    </row>
    <row r="102" spans="1:22" x14ac:dyDescent="0.25">
      <c r="A102" s="3" t="s">
        <v>22</v>
      </c>
      <c r="B102" s="4" t="s">
        <v>398</v>
      </c>
      <c r="C102" s="3" t="s">
        <v>399</v>
      </c>
      <c r="D102" s="5" t="s">
        <v>466</v>
      </c>
      <c r="E102" s="3" t="s">
        <v>47</v>
      </c>
      <c r="F102" s="3" t="s">
        <v>467</v>
      </c>
      <c r="G102" s="3" t="s">
        <v>133</v>
      </c>
      <c r="H102" s="3" t="s">
        <v>29</v>
      </c>
      <c r="I102" s="3" t="s">
        <v>468</v>
      </c>
      <c r="J102" s="3" t="s">
        <v>469</v>
      </c>
      <c r="K102" s="3" t="s">
        <v>32</v>
      </c>
      <c r="L102" s="3" t="s">
        <v>33</v>
      </c>
      <c r="M102" s="3" t="s">
        <v>34</v>
      </c>
      <c r="N102" s="3" t="s">
        <v>52</v>
      </c>
      <c r="O102" s="3" t="s">
        <v>53</v>
      </c>
      <c r="P102" s="3" t="s">
        <v>54</v>
      </c>
      <c r="Q102" s="3" t="s">
        <v>38</v>
      </c>
      <c r="R102" s="3" t="s">
        <v>39</v>
      </c>
      <c r="S102" s="3" t="s">
        <v>470</v>
      </c>
      <c r="T102" s="3"/>
      <c r="U102" s="3" t="s">
        <v>37</v>
      </c>
      <c r="V102" s="3" t="s">
        <v>37</v>
      </c>
    </row>
    <row r="103" spans="1:22" x14ac:dyDescent="0.25">
      <c r="A103" s="3" t="s">
        <v>22</v>
      </c>
      <c r="B103" s="4" t="s">
        <v>398</v>
      </c>
      <c r="C103" s="3" t="s">
        <v>399</v>
      </c>
      <c r="D103" s="5" t="s">
        <v>471</v>
      </c>
      <c r="E103" s="3" t="s">
        <v>62</v>
      </c>
      <c r="F103" s="3" t="s">
        <v>472</v>
      </c>
      <c r="G103" s="3" t="s">
        <v>473</v>
      </c>
      <c r="H103" s="3" t="s">
        <v>88</v>
      </c>
      <c r="I103" s="3" t="s">
        <v>474</v>
      </c>
      <c r="J103" s="3" t="s">
        <v>475</v>
      </c>
      <c r="K103" s="3" t="s">
        <v>32</v>
      </c>
      <c r="L103" s="3" t="s">
        <v>33</v>
      </c>
      <c r="M103" s="3" t="s">
        <v>34</v>
      </c>
      <c r="N103" s="3" t="s">
        <v>296</v>
      </c>
      <c r="O103" s="3" t="s">
        <v>67</v>
      </c>
      <c r="P103" s="3" t="s">
        <v>37</v>
      </c>
      <c r="Q103" s="3" t="s">
        <v>37</v>
      </c>
      <c r="R103" s="3" t="s">
        <v>39</v>
      </c>
      <c r="S103" s="3" t="s">
        <v>476</v>
      </c>
      <c r="T103" s="3"/>
      <c r="U103" s="3" t="s">
        <v>37</v>
      </c>
      <c r="V103" s="3" t="s">
        <v>37</v>
      </c>
    </row>
    <row r="104" spans="1:22" x14ac:dyDescent="0.25">
      <c r="A104" s="3" t="s">
        <v>22</v>
      </c>
      <c r="B104" s="4" t="s">
        <v>398</v>
      </c>
      <c r="C104" s="3" t="s">
        <v>399</v>
      </c>
      <c r="D104" s="5" t="s">
        <v>129</v>
      </c>
      <c r="E104" s="3" t="s">
        <v>149</v>
      </c>
      <c r="F104" s="3" t="s">
        <v>477</v>
      </c>
      <c r="G104" s="3" t="s">
        <v>478</v>
      </c>
      <c r="H104" s="3" t="s">
        <v>133</v>
      </c>
      <c r="I104" s="3" t="s">
        <v>37</v>
      </c>
      <c r="J104" s="3" t="s">
        <v>479</v>
      </c>
      <c r="K104" s="3" t="s">
        <v>32</v>
      </c>
      <c r="L104" s="3" t="s">
        <v>33</v>
      </c>
      <c r="M104" s="3" t="s">
        <v>34</v>
      </c>
      <c r="N104" s="3" t="s">
        <v>234</v>
      </c>
      <c r="O104" s="3" t="s">
        <v>53</v>
      </c>
      <c r="P104" s="3" t="s">
        <v>37</v>
      </c>
      <c r="Q104" s="3" t="s">
        <v>37</v>
      </c>
      <c r="R104" s="3" t="s">
        <v>39</v>
      </c>
      <c r="S104" s="3" t="s">
        <v>480</v>
      </c>
      <c r="T104" s="3"/>
      <c r="U104" s="3" t="s">
        <v>37</v>
      </c>
      <c r="V104" s="3" t="s">
        <v>37</v>
      </c>
    </row>
    <row r="105" spans="1:22" x14ac:dyDescent="0.25">
      <c r="A105" s="3" t="s">
        <v>22</v>
      </c>
      <c r="B105" s="4" t="s">
        <v>398</v>
      </c>
      <c r="C105" s="3" t="s">
        <v>399</v>
      </c>
      <c r="D105" s="5" t="s">
        <v>143</v>
      </c>
      <c r="E105" s="3" t="s">
        <v>78</v>
      </c>
      <c r="F105" s="3" t="s">
        <v>37</v>
      </c>
      <c r="G105" s="3" t="s">
        <v>37</v>
      </c>
      <c r="H105" s="3" t="s">
        <v>37</v>
      </c>
      <c r="I105" s="3" t="s">
        <v>79</v>
      </c>
      <c r="J105" s="3" t="s">
        <v>80</v>
      </c>
      <c r="K105" s="3" t="s">
        <v>81</v>
      </c>
      <c r="L105" s="3" t="s">
        <v>82</v>
      </c>
      <c r="M105" s="3" t="s">
        <v>74</v>
      </c>
      <c r="N105" s="3" t="s">
        <v>75</v>
      </c>
      <c r="O105" s="3" t="s">
        <v>83</v>
      </c>
      <c r="P105" s="3" t="s">
        <v>37</v>
      </c>
      <c r="Q105" s="3" t="s">
        <v>37</v>
      </c>
      <c r="R105" s="3" t="s">
        <v>39</v>
      </c>
      <c r="S105" s="3" t="s">
        <v>84</v>
      </c>
      <c r="T105" s="3"/>
      <c r="U105" s="3" t="s">
        <v>37</v>
      </c>
      <c r="V105" s="3" t="s">
        <v>37</v>
      </c>
    </row>
    <row r="106" spans="1:22" x14ac:dyDescent="0.25">
      <c r="A106" s="3" t="s">
        <v>22</v>
      </c>
      <c r="B106" s="4" t="s">
        <v>398</v>
      </c>
      <c r="C106" s="3" t="s">
        <v>399</v>
      </c>
      <c r="D106" s="5" t="s">
        <v>177</v>
      </c>
      <c r="E106" s="3" t="s">
        <v>450</v>
      </c>
      <c r="F106" s="3" t="s">
        <v>481</v>
      </c>
      <c r="G106" s="3" t="s">
        <v>482</v>
      </c>
      <c r="H106" s="3" t="s">
        <v>133</v>
      </c>
      <c r="I106" s="3" t="s">
        <v>37</v>
      </c>
      <c r="J106" s="3" t="s">
        <v>37</v>
      </c>
      <c r="K106" s="3" t="s">
        <v>32</v>
      </c>
      <c r="L106" s="3" t="s">
        <v>33</v>
      </c>
      <c r="M106" s="3" t="s">
        <v>386</v>
      </c>
      <c r="N106" s="3" t="s">
        <v>75</v>
      </c>
      <c r="O106" s="3" t="s">
        <v>53</v>
      </c>
      <c r="P106" s="3" t="s">
        <v>37</v>
      </c>
      <c r="Q106" s="3" t="s">
        <v>37</v>
      </c>
      <c r="R106" s="3" t="s">
        <v>39</v>
      </c>
      <c r="S106" s="3" t="s">
        <v>483</v>
      </c>
      <c r="T106" s="3"/>
      <c r="U106" s="3" t="s">
        <v>37</v>
      </c>
      <c r="V106" s="3" t="s">
        <v>37</v>
      </c>
    </row>
    <row r="107" spans="1:22" x14ac:dyDescent="0.25">
      <c r="A107" s="3" t="s">
        <v>22</v>
      </c>
      <c r="B107" s="4" t="s">
        <v>398</v>
      </c>
      <c r="C107" s="3" t="s">
        <v>399</v>
      </c>
      <c r="D107" s="5" t="s">
        <v>348</v>
      </c>
      <c r="E107" s="3" t="s">
        <v>450</v>
      </c>
      <c r="F107" s="3" t="s">
        <v>484</v>
      </c>
      <c r="G107" s="3" t="s">
        <v>405</v>
      </c>
      <c r="H107" s="3" t="s">
        <v>133</v>
      </c>
      <c r="I107" s="3" t="s">
        <v>37</v>
      </c>
      <c r="J107" s="3" t="s">
        <v>485</v>
      </c>
      <c r="K107" s="3" t="s">
        <v>32</v>
      </c>
      <c r="L107" s="3" t="s">
        <v>33</v>
      </c>
      <c r="M107" s="3" t="s">
        <v>386</v>
      </c>
      <c r="N107" s="3" t="s">
        <v>75</v>
      </c>
      <c r="O107" s="3" t="s">
        <v>53</v>
      </c>
      <c r="P107" s="3" t="s">
        <v>37</v>
      </c>
      <c r="Q107" s="3" t="s">
        <v>37</v>
      </c>
      <c r="R107" s="3" t="s">
        <v>39</v>
      </c>
      <c r="S107" s="3" t="s">
        <v>486</v>
      </c>
      <c r="T107" s="3"/>
      <c r="U107" s="3" t="s">
        <v>37</v>
      </c>
      <c r="V107" s="3" t="s">
        <v>37</v>
      </c>
    </row>
    <row r="108" spans="1:22" x14ac:dyDescent="0.25">
      <c r="A108" s="3" t="s">
        <v>22</v>
      </c>
      <c r="B108" s="4" t="s">
        <v>398</v>
      </c>
      <c r="C108" s="3" t="s">
        <v>399</v>
      </c>
      <c r="D108" s="5" t="s">
        <v>183</v>
      </c>
      <c r="E108" s="3" t="s">
        <v>47</v>
      </c>
      <c r="F108" s="3" t="s">
        <v>344</v>
      </c>
      <c r="G108" s="3" t="s">
        <v>345</v>
      </c>
      <c r="H108" s="3" t="s">
        <v>88</v>
      </c>
      <c r="I108" s="3" t="s">
        <v>50</v>
      </c>
      <c r="J108" s="3" t="s">
        <v>346</v>
      </c>
      <c r="K108" s="3" t="s">
        <v>32</v>
      </c>
      <c r="L108" s="3" t="s">
        <v>33</v>
      </c>
      <c r="M108" s="3" t="s">
        <v>34</v>
      </c>
      <c r="N108" s="3" t="s">
        <v>75</v>
      </c>
      <c r="O108" s="3" t="s">
        <v>53</v>
      </c>
      <c r="P108" s="3" t="s">
        <v>54</v>
      </c>
      <c r="Q108" s="3" t="s">
        <v>37</v>
      </c>
      <c r="R108" s="3" t="s">
        <v>39</v>
      </c>
      <c r="S108" s="3" t="s">
        <v>347</v>
      </c>
      <c r="T108" s="3"/>
      <c r="U108" s="3" t="s">
        <v>37</v>
      </c>
      <c r="V108" s="3" t="s">
        <v>37</v>
      </c>
    </row>
    <row r="109" spans="1:22" x14ac:dyDescent="0.25">
      <c r="A109" s="3" t="s">
        <v>22</v>
      </c>
      <c r="B109" s="4" t="s">
        <v>398</v>
      </c>
      <c r="C109" s="3" t="s">
        <v>399</v>
      </c>
      <c r="D109" s="5" t="s">
        <v>189</v>
      </c>
      <c r="E109" s="3" t="s">
        <v>47</v>
      </c>
      <c r="F109" s="3" t="s">
        <v>349</v>
      </c>
      <c r="G109" s="3" t="s">
        <v>350</v>
      </c>
      <c r="H109" s="3" t="s">
        <v>88</v>
      </c>
      <c r="I109" s="3" t="s">
        <v>50</v>
      </c>
      <c r="J109" s="3" t="s">
        <v>351</v>
      </c>
      <c r="K109" s="3" t="s">
        <v>32</v>
      </c>
      <c r="L109" s="3" t="s">
        <v>33</v>
      </c>
      <c r="M109" s="3" t="s">
        <v>34</v>
      </c>
      <c r="N109" s="3" t="s">
        <v>75</v>
      </c>
      <c r="O109" s="3" t="s">
        <v>53</v>
      </c>
      <c r="P109" s="3" t="s">
        <v>54</v>
      </c>
      <c r="Q109" s="3" t="s">
        <v>37</v>
      </c>
      <c r="R109" s="3" t="s">
        <v>39</v>
      </c>
      <c r="S109" s="3" t="s">
        <v>352</v>
      </c>
      <c r="T109" s="3"/>
      <c r="U109" s="3" t="s">
        <v>37</v>
      </c>
      <c r="V109" s="3" t="s">
        <v>37</v>
      </c>
    </row>
    <row r="110" spans="1:22" x14ac:dyDescent="0.25">
      <c r="A110" s="3" t="s">
        <v>22</v>
      </c>
      <c r="B110" s="4" t="s">
        <v>398</v>
      </c>
      <c r="C110" s="3" t="s">
        <v>399</v>
      </c>
      <c r="D110" s="5" t="s">
        <v>195</v>
      </c>
      <c r="E110" s="3" t="s">
        <v>47</v>
      </c>
      <c r="F110" s="3" t="s">
        <v>86</v>
      </c>
      <c r="G110" s="3" t="s">
        <v>87</v>
      </c>
      <c r="H110" s="3" t="s">
        <v>88</v>
      </c>
      <c r="I110" s="3" t="s">
        <v>50</v>
      </c>
      <c r="J110" s="3" t="s">
        <v>89</v>
      </c>
      <c r="K110" s="3" t="s">
        <v>32</v>
      </c>
      <c r="L110" s="3" t="s">
        <v>33</v>
      </c>
      <c r="M110" s="3" t="s">
        <v>34</v>
      </c>
      <c r="N110" s="3" t="s">
        <v>75</v>
      </c>
      <c r="O110" s="3" t="s">
        <v>53</v>
      </c>
      <c r="P110" s="3" t="s">
        <v>54</v>
      </c>
      <c r="Q110" s="3" t="s">
        <v>37</v>
      </c>
      <c r="R110" s="3" t="s">
        <v>39</v>
      </c>
      <c r="S110" s="3" t="s">
        <v>90</v>
      </c>
      <c r="T110" s="3"/>
      <c r="U110" s="3" t="s">
        <v>37</v>
      </c>
      <c r="V110" s="3" t="s">
        <v>37</v>
      </c>
    </row>
    <row r="111" spans="1:22" x14ac:dyDescent="0.25">
      <c r="A111" s="3" t="s">
        <v>22</v>
      </c>
      <c r="B111" s="4" t="s">
        <v>398</v>
      </c>
      <c r="C111" s="3" t="s">
        <v>399</v>
      </c>
      <c r="D111" s="5" t="s">
        <v>201</v>
      </c>
      <c r="E111" s="3" t="s">
        <v>165</v>
      </c>
      <c r="F111" s="3" t="s">
        <v>487</v>
      </c>
      <c r="G111" s="3" t="s">
        <v>488</v>
      </c>
      <c r="H111" s="3" t="s">
        <v>133</v>
      </c>
      <c r="I111" s="3" t="s">
        <v>168</v>
      </c>
      <c r="J111" s="3" t="s">
        <v>489</v>
      </c>
      <c r="K111" s="3" t="s">
        <v>32</v>
      </c>
      <c r="L111" s="3" t="s">
        <v>33</v>
      </c>
      <c r="M111" s="3" t="s">
        <v>74</v>
      </c>
      <c r="N111" s="3" t="s">
        <v>153</v>
      </c>
      <c r="O111" s="3" t="s">
        <v>53</v>
      </c>
      <c r="P111" s="3" t="s">
        <v>54</v>
      </c>
      <c r="Q111" s="3" t="s">
        <v>37</v>
      </c>
      <c r="R111" s="3" t="s">
        <v>39</v>
      </c>
      <c r="S111" s="3" t="s">
        <v>490</v>
      </c>
      <c r="T111" s="3"/>
      <c r="U111" s="3" t="s">
        <v>37</v>
      </c>
      <c r="V111" s="3" t="s">
        <v>37</v>
      </c>
    </row>
    <row r="112" spans="1:22" x14ac:dyDescent="0.25">
      <c r="A112" s="3" t="s">
        <v>22</v>
      </c>
      <c r="B112" s="4" t="s">
        <v>398</v>
      </c>
      <c r="C112" s="3" t="s">
        <v>399</v>
      </c>
      <c r="D112" s="5" t="s">
        <v>205</v>
      </c>
      <c r="E112" s="3" t="s">
        <v>165</v>
      </c>
      <c r="F112" s="3" t="s">
        <v>491</v>
      </c>
      <c r="G112" s="3" t="s">
        <v>482</v>
      </c>
      <c r="H112" s="3" t="s">
        <v>133</v>
      </c>
      <c r="I112" s="3" t="s">
        <v>168</v>
      </c>
      <c r="J112" s="3" t="s">
        <v>492</v>
      </c>
      <c r="K112" s="3" t="s">
        <v>32</v>
      </c>
      <c r="L112" s="3" t="s">
        <v>33</v>
      </c>
      <c r="M112" s="3" t="s">
        <v>74</v>
      </c>
      <c r="N112" s="3" t="s">
        <v>153</v>
      </c>
      <c r="O112" s="3" t="s">
        <v>53</v>
      </c>
      <c r="P112" s="3" t="s">
        <v>37</v>
      </c>
      <c r="Q112" s="3" t="s">
        <v>37</v>
      </c>
      <c r="R112" s="3" t="s">
        <v>39</v>
      </c>
      <c r="S112" s="3" t="s">
        <v>493</v>
      </c>
      <c r="T112" s="3"/>
      <c r="U112" s="3" t="s">
        <v>37</v>
      </c>
      <c r="V112" s="3" t="s">
        <v>37</v>
      </c>
    </row>
    <row r="113" spans="1:22" x14ac:dyDescent="0.25">
      <c r="A113" s="3" t="s">
        <v>22</v>
      </c>
      <c r="B113" s="4" t="s">
        <v>398</v>
      </c>
      <c r="C113" s="3" t="s">
        <v>399</v>
      </c>
      <c r="D113" s="5" t="s">
        <v>494</v>
      </c>
      <c r="E113" s="3" t="s">
        <v>495</v>
      </c>
      <c r="F113" s="3" t="s">
        <v>496</v>
      </c>
      <c r="G113" s="3" t="s">
        <v>285</v>
      </c>
      <c r="H113" s="3" t="s">
        <v>88</v>
      </c>
      <c r="I113" s="3" t="s">
        <v>497</v>
      </c>
      <c r="J113" s="3" t="s">
        <v>498</v>
      </c>
      <c r="K113" s="3" t="s">
        <v>32</v>
      </c>
      <c r="L113" s="3" t="s">
        <v>33</v>
      </c>
      <c r="M113" s="3" t="s">
        <v>34</v>
      </c>
      <c r="N113" s="3" t="s">
        <v>234</v>
      </c>
      <c r="O113" s="3" t="s">
        <v>105</v>
      </c>
      <c r="P113" s="3" t="s">
        <v>37</v>
      </c>
      <c r="Q113" s="3" t="s">
        <v>37</v>
      </c>
      <c r="R113" s="3" t="s">
        <v>39</v>
      </c>
      <c r="S113" s="3" t="s">
        <v>499</v>
      </c>
      <c r="T113" s="3"/>
      <c r="U113" s="3" t="s">
        <v>37</v>
      </c>
      <c r="V113" s="3" t="s">
        <v>37</v>
      </c>
    </row>
    <row r="114" spans="1:22" x14ac:dyDescent="0.25">
      <c r="A114" s="3" t="s">
        <v>22</v>
      </c>
      <c r="B114" s="4" t="s">
        <v>398</v>
      </c>
      <c r="C114" s="3" t="s">
        <v>399</v>
      </c>
      <c r="D114" s="5" t="s">
        <v>500</v>
      </c>
      <c r="E114" s="3" t="s">
        <v>495</v>
      </c>
      <c r="F114" s="3" t="s">
        <v>501</v>
      </c>
      <c r="G114" s="3" t="s">
        <v>502</v>
      </c>
      <c r="H114" s="3" t="s">
        <v>88</v>
      </c>
      <c r="I114" s="3" t="s">
        <v>497</v>
      </c>
      <c r="J114" s="3" t="s">
        <v>503</v>
      </c>
      <c r="K114" s="3" t="s">
        <v>32</v>
      </c>
      <c r="L114" s="3" t="s">
        <v>33</v>
      </c>
      <c r="M114" s="3" t="s">
        <v>34</v>
      </c>
      <c r="N114" s="3" t="s">
        <v>234</v>
      </c>
      <c r="O114" s="3" t="s">
        <v>105</v>
      </c>
      <c r="P114" s="3" t="s">
        <v>37</v>
      </c>
      <c r="Q114" s="3" t="s">
        <v>37</v>
      </c>
      <c r="R114" s="3" t="s">
        <v>39</v>
      </c>
      <c r="S114" s="3" t="s">
        <v>504</v>
      </c>
      <c r="T114" s="3"/>
      <c r="U114" s="3" t="s">
        <v>37</v>
      </c>
      <c r="V114" s="3" t="s">
        <v>37</v>
      </c>
    </row>
    <row r="115" spans="1:22" x14ac:dyDescent="0.25">
      <c r="A115" s="3" t="s">
        <v>22</v>
      </c>
      <c r="B115" s="4" t="s">
        <v>398</v>
      </c>
      <c r="C115" s="3" t="s">
        <v>399</v>
      </c>
      <c r="D115" s="5" t="s">
        <v>220</v>
      </c>
      <c r="E115" s="3" t="s">
        <v>505</v>
      </c>
      <c r="F115" s="3" t="s">
        <v>37</v>
      </c>
      <c r="G115" s="3" t="s">
        <v>37</v>
      </c>
      <c r="H115" s="3" t="s">
        <v>37</v>
      </c>
      <c r="I115" s="3" t="s">
        <v>37</v>
      </c>
      <c r="J115" s="3" t="s">
        <v>506</v>
      </c>
      <c r="K115" s="3" t="s">
        <v>32</v>
      </c>
      <c r="L115" s="3" t="s">
        <v>82</v>
      </c>
      <c r="M115" s="3" t="s">
        <v>74</v>
      </c>
      <c r="N115" s="3" t="s">
        <v>181</v>
      </c>
      <c r="O115" s="3" t="s">
        <v>507</v>
      </c>
      <c r="P115" s="3" t="s">
        <v>54</v>
      </c>
      <c r="Q115" s="3" t="s">
        <v>37</v>
      </c>
      <c r="R115" s="3" t="s">
        <v>39</v>
      </c>
      <c r="S115" s="3" t="s">
        <v>508</v>
      </c>
      <c r="T115" s="3"/>
      <c r="U115" s="3" t="s">
        <v>37</v>
      </c>
      <c r="V115" s="3" t="s">
        <v>37</v>
      </c>
    </row>
    <row r="116" spans="1:22" x14ac:dyDescent="0.25">
      <c r="A116" s="3" t="s">
        <v>22</v>
      </c>
      <c r="B116" s="4" t="s">
        <v>398</v>
      </c>
      <c r="C116" s="3" t="s">
        <v>399</v>
      </c>
      <c r="D116" s="5" t="s">
        <v>229</v>
      </c>
      <c r="E116" s="3" t="s">
        <v>509</v>
      </c>
      <c r="F116" s="3" t="s">
        <v>510</v>
      </c>
      <c r="G116" s="3" t="s">
        <v>145</v>
      </c>
      <c r="H116" s="3" t="s">
        <v>133</v>
      </c>
      <c r="I116" s="3" t="s">
        <v>37</v>
      </c>
      <c r="J116" s="3" t="s">
        <v>511</v>
      </c>
      <c r="K116" s="3" t="s">
        <v>32</v>
      </c>
      <c r="L116" s="3" t="s">
        <v>82</v>
      </c>
      <c r="M116" s="3" t="s">
        <v>74</v>
      </c>
      <c r="N116" s="3" t="s">
        <v>234</v>
      </c>
      <c r="O116" s="3" t="s">
        <v>36</v>
      </c>
      <c r="P116" s="3" t="s">
        <v>54</v>
      </c>
      <c r="Q116" s="3" t="s">
        <v>37</v>
      </c>
      <c r="R116" s="3" t="s">
        <v>39</v>
      </c>
      <c r="S116" s="3" t="s">
        <v>512</v>
      </c>
      <c r="T116" s="3"/>
      <c r="U116" s="3" t="s">
        <v>37</v>
      </c>
      <c r="V116" s="3" t="s">
        <v>37</v>
      </c>
    </row>
    <row r="117" spans="1:22" x14ac:dyDescent="0.25">
      <c r="A117" s="3" t="s">
        <v>22</v>
      </c>
      <c r="B117" s="4" t="s">
        <v>398</v>
      </c>
      <c r="C117" s="3" t="s">
        <v>399</v>
      </c>
      <c r="D117" s="5" t="s">
        <v>236</v>
      </c>
      <c r="E117" s="3" t="s">
        <v>509</v>
      </c>
      <c r="F117" s="3" t="s">
        <v>513</v>
      </c>
      <c r="G117" s="3" t="s">
        <v>514</v>
      </c>
      <c r="H117" s="3" t="s">
        <v>133</v>
      </c>
      <c r="I117" s="3" t="s">
        <v>37</v>
      </c>
      <c r="J117" s="3" t="s">
        <v>515</v>
      </c>
      <c r="K117" s="3" t="s">
        <v>32</v>
      </c>
      <c r="L117" s="3" t="s">
        <v>82</v>
      </c>
      <c r="M117" s="3" t="s">
        <v>74</v>
      </c>
      <c r="N117" s="3" t="s">
        <v>234</v>
      </c>
      <c r="O117" s="3" t="s">
        <v>105</v>
      </c>
      <c r="P117" s="3" t="s">
        <v>54</v>
      </c>
      <c r="Q117" s="3" t="s">
        <v>37</v>
      </c>
      <c r="R117" s="3" t="s">
        <v>39</v>
      </c>
      <c r="S117" s="3" t="s">
        <v>516</v>
      </c>
      <c r="T117" s="3"/>
      <c r="U117" s="3" t="s">
        <v>37</v>
      </c>
      <c r="V117" s="3" t="s">
        <v>37</v>
      </c>
    </row>
    <row r="118" spans="1:22" x14ac:dyDescent="0.25">
      <c r="A118" s="3" t="s">
        <v>22</v>
      </c>
      <c r="B118" s="4" t="s">
        <v>398</v>
      </c>
      <c r="C118" s="3" t="s">
        <v>399</v>
      </c>
      <c r="D118" s="5" t="s">
        <v>240</v>
      </c>
      <c r="E118" s="3" t="s">
        <v>517</v>
      </c>
      <c r="F118" s="3" t="s">
        <v>518</v>
      </c>
      <c r="G118" s="3" t="s">
        <v>519</v>
      </c>
      <c r="H118" s="3" t="s">
        <v>29</v>
      </c>
      <c r="I118" s="3" t="s">
        <v>520</v>
      </c>
      <c r="J118" s="3" t="s">
        <v>521</v>
      </c>
      <c r="K118" s="3" t="s">
        <v>32</v>
      </c>
      <c r="L118" s="3" t="s">
        <v>82</v>
      </c>
      <c r="M118" s="3" t="s">
        <v>522</v>
      </c>
      <c r="N118" s="3" t="s">
        <v>523</v>
      </c>
      <c r="O118" s="3" t="s">
        <v>524</v>
      </c>
      <c r="P118" s="3" t="s">
        <v>54</v>
      </c>
      <c r="Q118" s="3" t="s">
        <v>38</v>
      </c>
      <c r="R118" s="3" t="s">
        <v>39</v>
      </c>
      <c r="S118" s="3" t="s">
        <v>525</v>
      </c>
      <c r="T118" s="3"/>
      <c r="U118" s="3" t="s">
        <v>37</v>
      </c>
      <c r="V118" s="3" t="s">
        <v>37</v>
      </c>
    </row>
    <row r="119" spans="1:22" x14ac:dyDescent="0.25">
      <c r="A119" s="3"/>
      <c r="B119" s="4"/>
      <c r="C119" s="3"/>
      <c r="D119" s="5"/>
      <c r="E119" s="6" t="s">
        <v>249</v>
      </c>
      <c r="F119" s="3"/>
      <c r="G119" s="3"/>
      <c r="H119" s="3"/>
      <c r="I119" s="3"/>
      <c r="J119" s="3"/>
      <c r="K119" s="3"/>
      <c r="L119" s="3"/>
      <c r="M119" s="3"/>
      <c r="N119" s="3"/>
      <c r="O119" s="3"/>
      <c r="P119" s="3"/>
      <c r="Q119" s="3"/>
      <c r="R119" s="3"/>
      <c r="S119" s="3"/>
      <c r="T119" s="3"/>
      <c r="U119" s="3"/>
      <c r="V119" s="3"/>
    </row>
    <row r="120" spans="1:22" x14ac:dyDescent="0.25">
      <c r="A120" s="3"/>
      <c r="B120" s="4"/>
      <c r="C120" s="3"/>
      <c r="D120" s="5"/>
      <c r="E120" s="6"/>
      <c r="F120" s="3"/>
      <c r="G120" s="3"/>
      <c r="H120" s="3"/>
      <c r="I120" s="3"/>
      <c r="J120" s="3"/>
      <c r="K120" s="3"/>
      <c r="L120" s="3"/>
      <c r="M120" s="3"/>
      <c r="N120" s="3"/>
      <c r="O120" s="3"/>
      <c r="P120" s="3"/>
      <c r="Q120" s="3"/>
      <c r="R120" s="3"/>
      <c r="S120" s="3"/>
      <c r="T120" s="3"/>
      <c r="U120" s="3"/>
      <c r="V120" s="3"/>
    </row>
    <row r="121" spans="1:22" x14ac:dyDescent="0.25">
      <c r="A121" s="3" t="s">
        <v>22</v>
      </c>
      <c r="B121" s="4" t="s">
        <v>526</v>
      </c>
      <c r="C121" s="3" t="s">
        <v>527</v>
      </c>
      <c r="D121" s="5" t="s">
        <v>25</v>
      </c>
      <c r="E121" s="3" t="s">
        <v>130</v>
      </c>
      <c r="F121" s="3" t="s">
        <v>528</v>
      </c>
      <c r="G121" s="3" t="s">
        <v>254</v>
      </c>
      <c r="H121" s="3" t="s">
        <v>29</v>
      </c>
      <c r="I121" s="3" t="s">
        <v>529</v>
      </c>
      <c r="J121" s="3" t="s">
        <v>530</v>
      </c>
      <c r="K121" s="3" t="s">
        <v>32</v>
      </c>
      <c r="L121" s="3" t="s">
        <v>33</v>
      </c>
      <c r="M121" s="3" t="s">
        <v>74</v>
      </c>
      <c r="N121" s="3" t="s">
        <v>153</v>
      </c>
      <c r="O121" s="3" t="s">
        <v>53</v>
      </c>
      <c r="P121" s="3" t="s">
        <v>37</v>
      </c>
      <c r="Q121" s="3" t="s">
        <v>37</v>
      </c>
      <c r="R121" s="3" t="s">
        <v>39</v>
      </c>
      <c r="S121" s="3" t="s">
        <v>531</v>
      </c>
      <c r="T121" s="3"/>
      <c r="U121" s="3" t="s">
        <v>37</v>
      </c>
      <c r="V121" s="3" t="s">
        <v>327</v>
      </c>
    </row>
    <row r="122" spans="1:22" x14ac:dyDescent="0.25">
      <c r="A122" s="3" t="s">
        <v>22</v>
      </c>
      <c r="B122" s="4" t="s">
        <v>526</v>
      </c>
      <c r="C122" s="3" t="s">
        <v>527</v>
      </c>
      <c r="D122" s="5" t="s">
        <v>41</v>
      </c>
      <c r="E122" s="3" t="s">
        <v>130</v>
      </c>
      <c r="F122" s="3" t="s">
        <v>532</v>
      </c>
      <c r="G122" s="3" t="s">
        <v>262</v>
      </c>
      <c r="H122" s="3" t="s">
        <v>29</v>
      </c>
      <c r="I122" s="3" t="s">
        <v>324</v>
      </c>
      <c r="J122" s="3" t="s">
        <v>533</v>
      </c>
      <c r="K122" s="3" t="s">
        <v>32</v>
      </c>
      <c r="L122" s="3" t="s">
        <v>33</v>
      </c>
      <c r="M122" s="3" t="s">
        <v>74</v>
      </c>
      <c r="N122" s="3" t="s">
        <v>153</v>
      </c>
      <c r="O122" s="3" t="s">
        <v>53</v>
      </c>
      <c r="P122" s="3" t="s">
        <v>37</v>
      </c>
      <c r="Q122" s="3" t="s">
        <v>37</v>
      </c>
      <c r="R122" s="3" t="s">
        <v>39</v>
      </c>
      <c r="S122" s="3" t="s">
        <v>534</v>
      </c>
      <c r="T122" s="3"/>
      <c r="U122" s="3" t="s">
        <v>37</v>
      </c>
      <c r="V122" s="3" t="s">
        <v>327</v>
      </c>
    </row>
    <row r="123" spans="1:22" x14ac:dyDescent="0.25">
      <c r="A123" s="3" t="s">
        <v>22</v>
      </c>
      <c r="B123" s="4" t="s">
        <v>526</v>
      </c>
      <c r="C123" s="3" t="s">
        <v>527</v>
      </c>
      <c r="D123" s="5" t="s">
        <v>46</v>
      </c>
      <c r="E123" s="3" t="s">
        <v>47</v>
      </c>
      <c r="F123" s="3" t="s">
        <v>535</v>
      </c>
      <c r="G123" s="3" t="s">
        <v>197</v>
      </c>
      <c r="H123" s="3" t="s">
        <v>133</v>
      </c>
      <c r="I123" s="3" t="s">
        <v>50</v>
      </c>
      <c r="J123" s="3" t="s">
        <v>536</v>
      </c>
      <c r="K123" s="3" t="s">
        <v>32</v>
      </c>
      <c r="L123" s="3" t="s">
        <v>33</v>
      </c>
      <c r="M123" s="3" t="s">
        <v>34</v>
      </c>
      <c r="N123" s="3" t="s">
        <v>296</v>
      </c>
      <c r="O123" s="3" t="s">
        <v>53</v>
      </c>
      <c r="P123" s="3" t="s">
        <v>54</v>
      </c>
      <c r="Q123" s="3" t="s">
        <v>37</v>
      </c>
      <c r="R123" s="3" t="s">
        <v>39</v>
      </c>
      <c r="S123" s="3" t="s">
        <v>537</v>
      </c>
      <c r="T123" s="3"/>
      <c r="U123" s="3" t="s">
        <v>37</v>
      </c>
      <c r="V123" s="3" t="s">
        <v>37</v>
      </c>
    </row>
    <row r="124" spans="1:22" x14ac:dyDescent="0.25">
      <c r="A124" s="3" t="s">
        <v>22</v>
      </c>
      <c r="B124" s="4" t="s">
        <v>526</v>
      </c>
      <c r="C124" s="3" t="s">
        <v>527</v>
      </c>
      <c r="D124" s="5" t="s">
        <v>56</v>
      </c>
      <c r="E124" s="3" t="s">
        <v>47</v>
      </c>
      <c r="F124" s="3" t="s">
        <v>538</v>
      </c>
      <c r="G124" s="3" t="s">
        <v>539</v>
      </c>
      <c r="H124" s="3" t="s">
        <v>88</v>
      </c>
      <c r="I124" s="3" t="s">
        <v>50</v>
      </c>
      <c r="J124" s="3" t="s">
        <v>540</v>
      </c>
      <c r="K124" s="3" t="s">
        <v>32</v>
      </c>
      <c r="L124" s="3" t="s">
        <v>33</v>
      </c>
      <c r="M124" s="3" t="s">
        <v>34</v>
      </c>
      <c r="N124" s="3" t="s">
        <v>75</v>
      </c>
      <c r="O124" s="3" t="s">
        <v>53</v>
      </c>
      <c r="P124" s="3" t="s">
        <v>54</v>
      </c>
      <c r="Q124" s="3" t="s">
        <v>37</v>
      </c>
      <c r="R124" s="3" t="s">
        <v>39</v>
      </c>
      <c r="S124" s="3" t="s">
        <v>541</v>
      </c>
      <c r="T124" s="3"/>
      <c r="U124" s="3" t="s">
        <v>37</v>
      </c>
      <c r="V124" s="3" t="s">
        <v>37</v>
      </c>
    </row>
    <row r="125" spans="1:22" x14ac:dyDescent="0.25">
      <c r="A125" s="3" t="s">
        <v>22</v>
      </c>
      <c r="B125" s="4" t="s">
        <v>526</v>
      </c>
      <c r="C125" s="3" t="s">
        <v>527</v>
      </c>
      <c r="D125" s="5" t="s">
        <v>61</v>
      </c>
      <c r="E125" s="3" t="s">
        <v>47</v>
      </c>
      <c r="F125" s="3" t="s">
        <v>344</v>
      </c>
      <c r="G125" s="3" t="s">
        <v>345</v>
      </c>
      <c r="H125" s="3" t="s">
        <v>88</v>
      </c>
      <c r="I125" s="3" t="s">
        <v>50</v>
      </c>
      <c r="J125" s="3" t="s">
        <v>346</v>
      </c>
      <c r="K125" s="3" t="s">
        <v>32</v>
      </c>
      <c r="L125" s="3" t="s">
        <v>33</v>
      </c>
      <c r="M125" s="3" t="s">
        <v>34</v>
      </c>
      <c r="N125" s="3" t="s">
        <v>75</v>
      </c>
      <c r="O125" s="3" t="s">
        <v>53</v>
      </c>
      <c r="P125" s="3" t="s">
        <v>54</v>
      </c>
      <c r="Q125" s="3" t="s">
        <v>37</v>
      </c>
      <c r="R125" s="3" t="s">
        <v>39</v>
      </c>
      <c r="S125" s="3" t="s">
        <v>347</v>
      </c>
      <c r="T125" s="3"/>
      <c r="U125" s="3" t="s">
        <v>37</v>
      </c>
      <c r="V125" s="3" t="s">
        <v>37</v>
      </c>
    </row>
    <row r="126" spans="1:22" x14ac:dyDescent="0.25">
      <c r="A126" s="3" t="s">
        <v>22</v>
      </c>
      <c r="B126" s="4" t="s">
        <v>526</v>
      </c>
      <c r="C126" s="3" t="s">
        <v>527</v>
      </c>
      <c r="D126" s="5" t="s">
        <v>414</v>
      </c>
      <c r="E126" s="3" t="s">
        <v>47</v>
      </c>
      <c r="F126" s="3" t="s">
        <v>349</v>
      </c>
      <c r="G126" s="3" t="s">
        <v>350</v>
      </c>
      <c r="H126" s="3" t="s">
        <v>88</v>
      </c>
      <c r="I126" s="3" t="s">
        <v>50</v>
      </c>
      <c r="J126" s="3" t="s">
        <v>351</v>
      </c>
      <c r="K126" s="3" t="s">
        <v>32</v>
      </c>
      <c r="L126" s="3" t="s">
        <v>33</v>
      </c>
      <c r="M126" s="3" t="s">
        <v>34</v>
      </c>
      <c r="N126" s="3" t="s">
        <v>75</v>
      </c>
      <c r="O126" s="3" t="s">
        <v>53</v>
      </c>
      <c r="P126" s="3" t="s">
        <v>54</v>
      </c>
      <c r="Q126" s="3" t="s">
        <v>37</v>
      </c>
      <c r="R126" s="3" t="s">
        <v>39</v>
      </c>
      <c r="S126" s="3" t="s">
        <v>352</v>
      </c>
      <c r="T126" s="3"/>
      <c r="U126" s="3" t="s">
        <v>37</v>
      </c>
      <c r="V126" s="3" t="s">
        <v>37</v>
      </c>
    </row>
    <row r="127" spans="1:22" x14ac:dyDescent="0.25">
      <c r="A127" s="3" t="s">
        <v>22</v>
      </c>
      <c r="B127" s="4" t="s">
        <v>526</v>
      </c>
      <c r="C127" s="3" t="s">
        <v>527</v>
      </c>
      <c r="D127" s="5" t="s">
        <v>418</v>
      </c>
      <c r="E127" s="3" t="s">
        <v>419</v>
      </c>
      <c r="F127" s="3" t="s">
        <v>542</v>
      </c>
      <c r="G127" s="3" t="s">
        <v>110</v>
      </c>
      <c r="H127" s="3" t="s">
        <v>29</v>
      </c>
      <c r="I127" s="3" t="s">
        <v>426</v>
      </c>
      <c r="J127" s="3" t="s">
        <v>543</v>
      </c>
      <c r="K127" s="3" t="s">
        <v>32</v>
      </c>
      <c r="L127" s="3" t="s">
        <v>33</v>
      </c>
      <c r="M127" s="3" t="s">
        <v>34</v>
      </c>
      <c r="N127" s="3" t="s">
        <v>153</v>
      </c>
      <c r="O127" s="3" t="s">
        <v>36</v>
      </c>
      <c r="P127" s="3" t="s">
        <v>37</v>
      </c>
      <c r="Q127" s="3" t="s">
        <v>37</v>
      </c>
      <c r="R127" s="3" t="s">
        <v>39</v>
      </c>
      <c r="S127" s="3" t="s">
        <v>544</v>
      </c>
      <c r="T127" s="3"/>
      <c r="U127" s="3" t="s">
        <v>37</v>
      </c>
      <c r="V127" s="3" t="s">
        <v>37</v>
      </c>
    </row>
    <row r="128" spans="1:22" x14ac:dyDescent="0.25">
      <c r="A128" s="3" t="s">
        <v>22</v>
      </c>
      <c r="B128" s="4" t="s">
        <v>526</v>
      </c>
      <c r="C128" s="3" t="s">
        <v>527</v>
      </c>
      <c r="D128" s="5" t="s">
        <v>424</v>
      </c>
      <c r="E128" s="3" t="s">
        <v>419</v>
      </c>
      <c r="F128" s="3" t="s">
        <v>545</v>
      </c>
      <c r="G128" s="3" t="s">
        <v>309</v>
      </c>
      <c r="H128" s="3" t="s">
        <v>29</v>
      </c>
      <c r="I128" s="3" t="s">
        <v>421</v>
      </c>
      <c r="J128" s="3" t="s">
        <v>546</v>
      </c>
      <c r="K128" s="3" t="s">
        <v>32</v>
      </c>
      <c r="L128" s="3" t="s">
        <v>33</v>
      </c>
      <c r="M128" s="3" t="s">
        <v>34</v>
      </c>
      <c r="N128" s="3" t="s">
        <v>153</v>
      </c>
      <c r="O128" s="3" t="s">
        <v>36</v>
      </c>
      <c r="P128" s="3" t="s">
        <v>37</v>
      </c>
      <c r="Q128" s="3" t="s">
        <v>37</v>
      </c>
      <c r="R128" s="3" t="s">
        <v>39</v>
      </c>
      <c r="S128" s="3" t="s">
        <v>547</v>
      </c>
      <c r="T128" s="3"/>
      <c r="U128" s="3" t="s">
        <v>37</v>
      </c>
      <c r="V128" s="3" t="s">
        <v>37</v>
      </c>
    </row>
    <row r="129" spans="1:22" x14ac:dyDescent="0.25">
      <c r="A129" s="3" t="s">
        <v>22</v>
      </c>
      <c r="B129" s="4" t="s">
        <v>526</v>
      </c>
      <c r="C129" s="3" t="s">
        <v>527</v>
      </c>
      <c r="D129" s="5" t="s">
        <v>429</v>
      </c>
      <c r="E129" s="3" t="s">
        <v>62</v>
      </c>
      <c r="F129" s="3" t="s">
        <v>548</v>
      </c>
      <c r="G129" s="3" t="s">
        <v>514</v>
      </c>
      <c r="H129" s="3" t="s">
        <v>29</v>
      </c>
      <c r="I129" s="3" t="s">
        <v>65</v>
      </c>
      <c r="J129" s="3" t="s">
        <v>549</v>
      </c>
      <c r="K129" s="3" t="s">
        <v>32</v>
      </c>
      <c r="L129" s="3" t="s">
        <v>33</v>
      </c>
      <c r="M129" s="3" t="s">
        <v>34</v>
      </c>
      <c r="N129" s="3" t="s">
        <v>35</v>
      </c>
      <c r="O129" s="3" t="s">
        <v>67</v>
      </c>
      <c r="P129" s="3" t="s">
        <v>37</v>
      </c>
      <c r="Q129" s="3" t="s">
        <v>38</v>
      </c>
      <c r="R129" s="3" t="s">
        <v>39</v>
      </c>
      <c r="S129" s="3" t="s">
        <v>550</v>
      </c>
      <c r="T129" s="3"/>
      <c r="U129" s="3" t="s">
        <v>37</v>
      </c>
      <c r="V129" s="3" t="s">
        <v>37</v>
      </c>
    </row>
    <row r="130" spans="1:22" x14ac:dyDescent="0.25">
      <c r="A130" s="3" t="s">
        <v>22</v>
      </c>
      <c r="B130" s="4" t="s">
        <v>526</v>
      </c>
      <c r="C130" s="3" t="s">
        <v>527</v>
      </c>
      <c r="D130" s="5" t="s">
        <v>433</v>
      </c>
      <c r="E130" s="3" t="s">
        <v>165</v>
      </c>
      <c r="F130" s="3" t="s">
        <v>551</v>
      </c>
      <c r="G130" s="3" t="s">
        <v>552</v>
      </c>
      <c r="H130" s="3" t="s">
        <v>88</v>
      </c>
      <c r="I130" s="3" t="s">
        <v>37</v>
      </c>
      <c r="J130" s="3" t="s">
        <v>553</v>
      </c>
      <c r="K130" s="3" t="s">
        <v>32</v>
      </c>
      <c r="L130" s="3" t="s">
        <v>33</v>
      </c>
      <c r="M130" s="3" t="s">
        <v>74</v>
      </c>
      <c r="N130" s="3" t="s">
        <v>234</v>
      </c>
      <c r="O130" s="3" t="s">
        <v>53</v>
      </c>
      <c r="P130" s="3" t="s">
        <v>54</v>
      </c>
      <c r="Q130" s="3" t="s">
        <v>37</v>
      </c>
      <c r="R130" s="3" t="s">
        <v>39</v>
      </c>
      <c r="S130" s="3" t="s">
        <v>554</v>
      </c>
      <c r="T130" s="3"/>
      <c r="U130" s="3" t="s">
        <v>37</v>
      </c>
      <c r="V130" s="3" t="s">
        <v>37</v>
      </c>
    </row>
    <row r="131" spans="1:22" x14ac:dyDescent="0.25">
      <c r="A131" s="3" t="s">
        <v>22</v>
      </c>
      <c r="B131" s="4" t="s">
        <v>526</v>
      </c>
      <c r="C131" s="3" t="s">
        <v>527</v>
      </c>
      <c r="D131" s="5" t="s">
        <v>438</v>
      </c>
      <c r="E131" s="3" t="s">
        <v>165</v>
      </c>
      <c r="F131" s="3" t="s">
        <v>555</v>
      </c>
      <c r="G131" s="3" t="s">
        <v>556</v>
      </c>
      <c r="H131" s="3" t="s">
        <v>88</v>
      </c>
      <c r="I131" s="3" t="s">
        <v>37</v>
      </c>
      <c r="J131" s="3" t="s">
        <v>557</v>
      </c>
      <c r="K131" s="3" t="s">
        <v>32</v>
      </c>
      <c r="L131" s="3" t="s">
        <v>33</v>
      </c>
      <c r="M131" s="3" t="s">
        <v>74</v>
      </c>
      <c r="N131" s="3" t="s">
        <v>234</v>
      </c>
      <c r="O131" s="3" t="s">
        <v>53</v>
      </c>
      <c r="P131" s="3" t="s">
        <v>54</v>
      </c>
      <c r="Q131" s="3" t="s">
        <v>37</v>
      </c>
      <c r="R131" s="3" t="s">
        <v>39</v>
      </c>
      <c r="S131" s="3" t="s">
        <v>558</v>
      </c>
      <c r="T131" s="3"/>
      <c r="U131" s="3" t="s">
        <v>37</v>
      </c>
      <c r="V131" s="3" t="s">
        <v>37</v>
      </c>
    </row>
    <row r="132" spans="1:22" x14ac:dyDescent="0.25">
      <c r="A132" s="3" t="s">
        <v>22</v>
      </c>
      <c r="B132" s="4" t="s">
        <v>526</v>
      </c>
      <c r="C132" s="3" t="s">
        <v>527</v>
      </c>
      <c r="D132" s="5" t="s">
        <v>91</v>
      </c>
      <c r="E132" s="3" t="s">
        <v>47</v>
      </c>
      <c r="F132" s="3" t="s">
        <v>559</v>
      </c>
      <c r="G132" s="3" t="s">
        <v>435</v>
      </c>
      <c r="H132" s="3" t="s">
        <v>88</v>
      </c>
      <c r="I132" s="3" t="s">
        <v>50</v>
      </c>
      <c r="J132" s="3" t="s">
        <v>560</v>
      </c>
      <c r="K132" s="3" t="s">
        <v>32</v>
      </c>
      <c r="L132" s="3" t="s">
        <v>33</v>
      </c>
      <c r="M132" s="3" t="s">
        <v>34</v>
      </c>
      <c r="N132" s="3" t="s">
        <v>75</v>
      </c>
      <c r="O132" s="3" t="s">
        <v>53</v>
      </c>
      <c r="P132" s="3" t="s">
        <v>54</v>
      </c>
      <c r="Q132" s="3" t="s">
        <v>37</v>
      </c>
      <c r="R132" s="3" t="s">
        <v>39</v>
      </c>
      <c r="S132" s="3" t="s">
        <v>561</v>
      </c>
      <c r="T132" s="3"/>
      <c r="U132" s="3" t="s">
        <v>37</v>
      </c>
      <c r="V132" s="3" t="s">
        <v>37</v>
      </c>
    </row>
    <row r="133" spans="1:22" x14ac:dyDescent="0.25">
      <c r="A133" s="3" t="s">
        <v>22</v>
      </c>
      <c r="B133" s="4" t="s">
        <v>526</v>
      </c>
      <c r="C133" s="3" t="s">
        <v>527</v>
      </c>
      <c r="D133" s="5" t="s">
        <v>96</v>
      </c>
      <c r="E133" s="3" t="s">
        <v>70</v>
      </c>
      <c r="F133" s="3" t="s">
        <v>562</v>
      </c>
      <c r="G133" s="3" t="s">
        <v>359</v>
      </c>
      <c r="H133" s="3" t="s">
        <v>29</v>
      </c>
      <c r="I133" s="3" t="s">
        <v>37</v>
      </c>
      <c r="J133" s="3" t="s">
        <v>563</v>
      </c>
      <c r="K133" s="3" t="s">
        <v>32</v>
      </c>
      <c r="L133" s="3" t="s">
        <v>33</v>
      </c>
      <c r="M133" s="3" t="s">
        <v>74</v>
      </c>
      <c r="N133" s="3" t="s">
        <v>75</v>
      </c>
      <c r="O133" s="3" t="s">
        <v>564</v>
      </c>
      <c r="P133" s="3" t="s">
        <v>54</v>
      </c>
      <c r="Q133" s="3" t="s">
        <v>37</v>
      </c>
      <c r="R133" s="3" t="s">
        <v>39</v>
      </c>
      <c r="S133" s="3" t="s">
        <v>565</v>
      </c>
      <c r="T133" s="3"/>
      <c r="U133" s="3" t="s">
        <v>37</v>
      </c>
      <c r="V133" s="3" t="s">
        <v>37</v>
      </c>
    </row>
    <row r="134" spans="1:22" x14ac:dyDescent="0.25">
      <c r="A134" s="3" t="s">
        <v>22</v>
      </c>
      <c r="B134" s="4" t="s">
        <v>526</v>
      </c>
      <c r="C134" s="3" t="s">
        <v>527</v>
      </c>
      <c r="D134" s="5" t="s">
        <v>446</v>
      </c>
      <c r="E134" s="3" t="s">
        <v>70</v>
      </c>
      <c r="F134" s="3" t="s">
        <v>566</v>
      </c>
      <c r="G134" s="3" t="s">
        <v>317</v>
      </c>
      <c r="H134" s="3" t="s">
        <v>29</v>
      </c>
      <c r="I134" s="3" t="s">
        <v>37</v>
      </c>
      <c r="J134" s="3" t="s">
        <v>567</v>
      </c>
      <c r="K134" s="3" t="s">
        <v>32</v>
      </c>
      <c r="L134" s="3" t="s">
        <v>33</v>
      </c>
      <c r="M134" s="3" t="s">
        <v>74</v>
      </c>
      <c r="N134" s="3" t="s">
        <v>75</v>
      </c>
      <c r="O134" s="3" t="s">
        <v>37</v>
      </c>
      <c r="P134" s="3" t="s">
        <v>54</v>
      </c>
      <c r="Q134" s="3" t="s">
        <v>37</v>
      </c>
      <c r="R134" s="3" t="s">
        <v>39</v>
      </c>
      <c r="S134" s="3" t="s">
        <v>568</v>
      </c>
      <c r="T134" s="3"/>
      <c r="U134" s="3" t="s">
        <v>37</v>
      </c>
      <c r="V134" s="3" t="s">
        <v>37</v>
      </c>
    </row>
    <row r="135" spans="1:22" x14ac:dyDescent="0.25">
      <c r="A135" s="3" t="s">
        <v>22</v>
      </c>
      <c r="B135" s="4" t="s">
        <v>526</v>
      </c>
      <c r="C135" s="3" t="s">
        <v>527</v>
      </c>
      <c r="D135" s="5" t="s">
        <v>107</v>
      </c>
      <c r="E135" s="3" t="s">
        <v>450</v>
      </c>
      <c r="F135" s="3" t="s">
        <v>569</v>
      </c>
      <c r="G135" s="3" t="s">
        <v>473</v>
      </c>
      <c r="H135" s="3" t="s">
        <v>133</v>
      </c>
      <c r="I135" s="3" t="s">
        <v>37</v>
      </c>
      <c r="J135" s="3" t="s">
        <v>37</v>
      </c>
      <c r="K135" s="3" t="s">
        <v>32</v>
      </c>
      <c r="L135" s="3" t="s">
        <v>33</v>
      </c>
      <c r="M135" s="3" t="s">
        <v>74</v>
      </c>
      <c r="N135" s="3" t="s">
        <v>75</v>
      </c>
      <c r="O135" s="3" t="s">
        <v>37</v>
      </c>
      <c r="P135" s="3" t="s">
        <v>37</v>
      </c>
      <c r="Q135" s="3" t="s">
        <v>37</v>
      </c>
      <c r="R135" s="3" t="s">
        <v>39</v>
      </c>
      <c r="S135" s="3" t="s">
        <v>570</v>
      </c>
      <c r="T135" s="3" t="s">
        <v>282</v>
      </c>
      <c r="U135" s="3" t="s">
        <v>37</v>
      </c>
      <c r="V135" s="3" t="s">
        <v>37</v>
      </c>
    </row>
    <row r="136" spans="1:22" x14ac:dyDescent="0.25">
      <c r="A136" s="3" t="s">
        <v>22</v>
      </c>
      <c r="B136" s="4" t="s">
        <v>526</v>
      </c>
      <c r="C136" s="3" t="s">
        <v>527</v>
      </c>
      <c r="D136" s="5" t="s">
        <v>454</v>
      </c>
      <c r="E136" s="3" t="s">
        <v>450</v>
      </c>
      <c r="F136" s="3" t="s">
        <v>571</v>
      </c>
      <c r="G136" s="3" t="s">
        <v>572</v>
      </c>
      <c r="H136" s="3" t="s">
        <v>133</v>
      </c>
      <c r="I136" s="3" t="s">
        <v>37</v>
      </c>
      <c r="J136" s="3" t="s">
        <v>37</v>
      </c>
      <c r="K136" s="3" t="s">
        <v>32</v>
      </c>
      <c r="L136" s="3" t="s">
        <v>33</v>
      </c>
      <c r="M136" s="3" t="s">
        <v>74</v>
      </c>
      <c r="N136" s="3" t="s">
        <v>75</v>
      </c>
      <c r="O136" s="3" t="s">
        <v>37</v>
      </c>
      <c r="P136" s="3" t="s">
        <v>37</v>
      </c>
      <c r="Q136" s="3" t="s">
        <v>37</v>
      </c>
      <c r="R136" s="3" t="s">
        <v>39</v>
      </c>
      <c r="S136" s="3" t="s">
        <v>573</v>
      </c>
      <c r="T136" s="3" t="s">
        <v>282</v>
      </c>
      <c r="U136" s="3" t="s">
        <v>37</v>
      </c>
      <c r="V136" s="3" t="s">
        <v>37</v>
      </c>
    </row>
    <row r="137" spans="1:22" x14ac:dyDescent="0.25">
      <c r="A137" s="3" t="s">
        <v>22</v>
      </c>
      <c r="B137" s="4" t="s">
        <v>526</v>
      </c>
      <c r="C137" s="3" t="s">
        <v>527</v>
      </c>
      <c r="D137" s="5" t="s">
        <v>458</v>
      </c>
      <c r="E137" s="3" t="s">
        <v>450</v>
      </c>
      <c r="F137" s="3" t="s">
        <v>574</v>
      </c>
      <c r="G137" s="3" t="s">
        <v>556</v>
      </c>
      <c r="H137" s="3" t="s">
        <v>133</v>
      </c>
      <c r="I137" s="3" t="s">
        <v>37</v>
      </c>
      <c r="J137" s="3" t="s">
        <v>575</v>
      </c>
      <c r="K137" s="3" t="s">
        <v>32</v>
      </c>
      <c r="L137" s="3" t="s">
        <v>33</v>
      </c>
      <c r="M137" s="3" t="s">
        <v>74</v>
      </c>
      <c r="N137" s="3" t="s">
        <v>75</v>
      </c>
      <c r="O137" s="3" t="s">
        <v>118</v>
      </c>
      <c r="P137" s="3" t="s">
        <v>37</v>
      </c>
      <c r="Q137" s="3" t="s">
        <v>37</v>
      </c>
      <c r="R137" s="3" t="s">
        <v>39</v>
      </c>
      <c r="S137" s="3" t="s">
        <v>576</v>
      </c>
      <c r="T137" s="3"/>
      <c r="U137" s="3" t="s">
        <v>37</v>
      </c>
      <c r="V137" s="3" t="s">
        <v>37</v>
      </c>
    </row>
    <row r="138" spans="1:22" x14ac:dyDescent="0.25">
      <c r="A138" s="3" t="s">
        <v>22</v>
      </c>
      <c r="B138" s="4" t="s">
        <v>526</v>
      </c>
      <c r="C138" s="3" t="s">
        <v>527</v>
      </c>
      <c r="D138" s="5" t="s">
        <v>462</v>
      </c>
      <c r="E138" s="3" t="s">
        <v>47</v>
      </c>
      <c r="F138" s="3" t="s">
        <v>202</v>
      </c>
      <c r="G138" s="3" t="s">
        <v>88</v>
      </c>
      <c r="H138" s="3" t="s">
        <v>29</v>
      </c>
      <c r="I138" s="3" t="s">
        <v>50</v>
      </c>
      <c r="J138" s="3" t="s">
        <v>203</v>
      </c>
      <c r="K138" s="3" t="s">
        <v>32</v>
      </c>
      <c r="L138" s="3" t="s">
        <v>33</v>
      </c>
      <c r="M138" s="3" t="s">
        <v>34</v>
      </c>
      <c r="N138" s="3" t="s">
        <v>52</v>
      </c>
      <c r="O138" s="3" t="s">
        <v>53</v>
      </c>
      <c r="P138" s="3" t="s">
        <v>54</v>
      </c>
      <c r="Q138" s="3" t="s">
        <v>38</v>
      </c>
      <c r="R138" s="3" t="s">
        <v>39</v>
      </c>
      <c r="S138" s="3" t="s">
        <v>204</v>
      </c>
      <c r="T138" s="3"/>
      <c r="U138" s="3" t="s">
        <v>37</v>
      </c>
      <c r="V138" s="3" t="s">
        <v>37</v>
      </c>
    </row>
    <row r="139" spans="1:22" x14ac:dyDescent="0.25">
      <c r="A139" s="3" t="s">
        <v>22</v>
      </c>
      <c r="B139" s="4" t="s">
        <v>526</v>
      </c>
      <c r="C139" s="3" t="s">
        <v>527</v>
      </c>
      <c r="D139" s="5" t="s">
        <v>466</v>
      </c>
      <c r="E139" s="3" t="s">
        <v>47</v>
      </c>
      <c r="F139" s="3" t="s">
        <v>206</v>
      </c>
      <c r="G139" s="3" t="s">
        <v>207</v>
      </c>
      <c r="H139" s="3" t="s">
        <v>29</v>
      </c>
      <c r="I139" s="3" t="s">
        <v>50</v>
      </c>
      <c r="J139" s="3" t="s">
        <v>208</v>
      </c>
      <c r="K139" s="3" t="s">
        <v>32</v>
      </c>
      <c r="L139" s="3" t="s">
        <v>33</v>
      </c>
      <c r="M139" s="3" t="s">
        <v>34</v>
      </c>
      <c r="N139" s="3" t="s">
        <v>52</v>
      </c>
      <c r="O139" s="3" t="s">
        <v>53</v>
      </c>
      <c r="P139" s="3" t="s">
        <v>54</v>
      </c>
      <c r="Q139" s="3" t="s">
        <v>38</v>
      </c>
      <c r="R139" s="3" t="s">
        <v>39</v>
      </c>
      <c r="S139" s="3" t="s">
        <v>209</v>
      </c>
      <c r="T139" s="3"/>
      <c r="U139" s="3" t="s">
        <v>37</v>
      </c>
      <c r="V139" s="3" t="s">
        <v>37</v>
      </c>
    </row>
    <row r="140" spans="1:22" x14ac:dyDescent="0.25">
      <c r="A140" s="3" t="s">
        <v>22</v>
      </c>
      <c r="B140" s="4" t="s">
        <v>526</v>
      </c>
      <c r="C140" s="3" t="s">
        <v>527</v>
      </c>
      <c r="D140" s="5" t="s">
        <v>471</v>
      </c>
      <c r="E140" s="3" t="s">
        <v>62</v>
      </c>
      <c r="F140" s="3" t="s">
        <v>577</v>
      </c>
      <c r="G140" s="3" t="s">
        <v>572</v>
      </c>
      <c r="H140" s="3" t="s">
        <v>88</v>
      </c>
      <c r="I140" s="3" t="s">
        <v>474</v>
      </c>
      <c r="J140" s="3" t="s">
        <v>578</v>
      </c>
      <c r="K140" s="3" t="s">
        <v>32</v>
      </c>
      <c r="L140" s="3" t="s">
        <v>33</v>
      </c>
      <c r="M140" s="3" t="s">
        <v>34</v>
      </c>
      <c r="N140" s="3" t="s">
        <v>296</v>
      </c>
      <c r="O140" s="3" t="s">
        <v>67</v>
      </c>
      <c r="P140" s="3" t="s">
        <v>37</v>
      </c>
      <c r="Q140" s="3" t="s">
        <v>37</v>
      </c>
      <c r="R140" s="3" t="s">
        <v>39</v>
      </c>
      <c r="S140" s="3" t="s">
        <v>579</v>
      </c>
      <c r="T140" s="3"/>
      <c r="U140" s="3" t="s">
        <v>37</v>
      </c>
      <c r="V140" s="3" t="s">
        <v>37</v>
      </c>
    </row>
    <row r="141" spans="1:22" x14ac:dyDescent="0.25">
      <c r="A141" s="3" t="s">
        <v>22</v>
      </c>
      <c r="B141" s="4" t="s">
        <v>526</v>
      </c>
      <c r="C141" s="3" t="s">
        <v>527</v>
      </c>
      <c r="D141" s="5" t="s">
        <v>129</v>
      </c>
      <c r="E141" s="3" t="s">
        <v>149</v>
      </c>
      <c r="F141" s="3" t="s">
        <v>580</v>
      </c>
      <c r="G141" s="3" t="s">
        <v>581</v>
      </c>
      <c r="H141" s="3" t="s">
        <v>133</v>
      </c>
      <c r="I141" s="3" t="s">
        <v>37</v>
      </c>
      <c r="J141" s="3" t="s">
        <v>582</v>
      </c>
      <c r="K141" s="3" t="s">
        <v>32</v>
      </c>
      <c r="L141" s="3" t="s">
        <v>33</v>
      </c>
      <c r="M141" s="3" t="s">
        <v>34</v>
      </c>
      <c r="N141" s="3" t="s">
        <v>234</v>
      </c>
      <c r="O141" s="3" t="s">
        <v>53</v>
      </c>
      <c r="P141" s="3" t="s">
        <v>37</v>
      </c>
      <c r="Q141" s="3" t="s">
        <v>37</v>
      </c>
      <c r="R141" s="3" t="s">
        <v>39</v>
      </c>
      <c r="S141" s="3" t="s">
        <v>583</v>
      </c>
      <c r="T141" s="3"/>
      <c r="U141" s="3" t="s">
        <v>37</v>
      </c>
      <c r="V141" s="3" t="s">
        <v>37</v>
      </c>
    </row>
    <row r="142" spans="1:22" x14ac:dyDescent="0.25">
      <c r="A142" s="3" t="s">
        <v>22</v>
      </c>
      <c r="B142" s="4" t="s">
        <v>526</v>
      </c>
      <c r="C142" s="3" t="s">
        <v>527</v>
      </c>
      <c r="D142" s="5" t="s">
        <v>143</v>
      </c>
      <c r="E142" s="3" t="s">
        <v>584</v>
      </c>
      <c r="F142" s="3" t="s">
        <v>585</v>
      </c>
      <c r="G142" s="3" t="s">
        <v>197</v>
      </c>
      <c r="H142" s="3" t="s">
        <v>133</v>
      </c>
      <c r="I142" s="3" t="s">
        <v>586</v>
      </c>
      <c r="J142" s="3" t="s">
        <v>587</v>
      </c>
      <c r="K142" s="3" t="s">
        <v>32</v>
      </c>
      <c r="L142" s="3" t="s">
        <v>33</v>
      </c>
      <c r="M142" s="3" t="s">
        <v>74</v>
      </c>
      <c r="N142" s="3" t="s">
        <v>588</v>
      </c>
      <c r="O142" s="3" t="s">
        <v>53</v>
      </c>
      <c r="P142" s="3" t="s">
        <v>37</v>
      </c>
      <c r="Q142" s="3" t="s">
        <v>37</v>
      </c>
      <c r="R142" s="3" t="s">
        <v>39</v>
      </c>
      <c r="S142" s="3" t="s">
        <v>589</v>
      </c>
      <c r="T142" s="3"/>
      <c r="U142" s="3" t="s">
        <v>37</v>
      </c>
      <c r="V142" s="3" t="s">
        <v>37</v>
      </c>
    </row>
    <row r="143" spans="1:22" x14ac:dyDescent="0.25">
      <c r="A143" s="3" t="s">
        <v>22</v>
      </c>
      <c r="B143" s="4" t="s">
        <v>526</v>
      </c>
      <c r="C143" s="3" t="s">
        <v>527</v>
      </c>
      <c r="D143" s="5" t="s">
        <v>156</v>
      </c>
      <c r="E143" s="3" t="s">
        <v>584</v>
      </c>
      <c r="F143" s="3" t="s">
        <v>590</v>
      </c>
      <c r="G143" s="3" t="s">
        <v>591</v>
      </c>
      <c r="H143" s="3" t="s">
        <v>133</v>
      </c>
      <c r="I143" s="3" t="s">
        <v>592</v>
      </c>
      <c r="J143" s="3" t="s">
        <v>593</v>
      </c>
      <c r="K143" s="3" t="s">
        <v>32</v>
      </c>
      <c r="L143" s="3" t="s">
        <v>33</v>
      </c>
      <c r="M143" s="3" t="s">
        <v>74</v>
      </c>
      <c r="N143" s="3" t="s">
        <v>588</v>
      </c>
      <c r="O143" s="3" t="s">
        <v>53</v>
      </c>
      <c r="P143" s="3" t="s">
        <v>37</v>
      </c>
      <c r="Q143" s="3" t="s">
        <v>37</v>
      </c>
      <c r="R143" s="3" t="s">
        <v>39</v>
      </c>
      <c r="S143" s="3" t="s">
        <v>594</v>
      </c>
      <c r="T143" s="3"/>
      <c r="U143" s="3" t="s">
        <v>37</v>
      </c>
      <c r="V143" s="3" t="s">
        <v>37</v>
      </c>
    </row>
    <row r="144" spans="1:22" x14ac:dyDescent="0.25">
      <c r="A144" s="3" t="s">
        <v>22</v>
      </c>
      <c r="B144" s="4" t="s">
        <v>526</v>
      </c>
      <c r="C144" s="3" t="s">
        <v>527</v>
      </c>
      <c r="D144" s="5" t="s">
        <v>164</v>
      </c>
      <c r="E144" s="3" t="s">
        <v>178</v>
      </c>
      <c r="F144" s="3" t="s">
        <v>37</v>
      </c>
      <c r="G144" s="3" t="s">
        <v>37</v>
      </c>
      <c r="H144" s="3" t="s">
        <v>37</v>
      </c>
      <c r="I144" s="3" t="s">
        <v>179</v>
      </c>
      <c r="J144" s="3" t="s">
        <v>180</v>
      </c>
      <c r="K144" s="3" t="s">
        <v>81</v>
      </c>
      <c r="L144" s="3" t="s">
        <v>82</v>
      </c>
      <c r="M144" s="3" t="s">
        <v>34</v>
      </c>
      <c r="N144" s="3" t="s">
        <v>181</v>
      </c>
      <c r="O144" s="3" t="s">
        <v>37</v>
      </c>
      <c r="P144" s="3" t="s">
        <v>37</v>
      </c>
      <c r="Q144" s="3" t="s">
        <v>37</v>
      </c>
      <c r="R144" s="3" t="s">
        <v>39</v>
      </c>
      <c r="S144" s="3" t="s">
        <v>182</v>
      </c>
      <c r="T144" s="3"/>
      <c r="U144" s="3" t="s">
        <v>37</v>
      </c>
      <c r="V144" s="3" t="s">
        <v>37</v>
      </c>
    </row>
    <row r="145" spans="1:22" x14ac:dyDescent="0.25">
      <c r="A145" s="3" t="s">
        <v>22</v>
      </c>
      <c r="B145" s="4" t="s">
        <v>526</v>
      </c>
      <c r="C145" s="3" t="s">
        <v>527</v>
      </c>
      <c r="D145" s="5" t="s">
        <v>177</v>
      </c>
      <c r="E145" s="3" t="s">
        <v>450</v>
      </c>
      <c r="F145" s="3" t="s">
        <v>595</v>
      </c>
      <c r="G145" s="3" t="s">
        <v>132</v>
      </c>
      <c r="H145" s="3" t="s">
        <v>133</v>
      </c>
      <c r="I145" s="3" t="s">
        <v>37</v>
      </c>
      <c r="J145" s="3" t="s">
        <v>596</v>
      </c>
      <c r="K145" s="3" t="s">
        <v>32</v>
      </c>
      <c r="L145" s="3" t="s">
        <v>33</v>
      </c>
      <c r="M145" s="3" t="s">
        <v>386</v>
      </c>
      <c r="N145" s="3" t="s">
        <v>75</v>
      </c>
      <c r="O145" s="3" t="s">
        <v>53</v>
      </c>
      <c r="P145" s="3" t="s">
        <v>37</v>
      </c>
      <c r="Q145" s="3" t="s">
        <v>37</v>
      </c>
      <c r="R145" s="3" t="s">
        <v>39</v>
      </c>
      <c r="S145" s="3" t="s">
        <v>597</v>
      </c>
      <c r="T145" s="3"/>
      <c r="U145" s="3" t="s">
        <v>37</v>
      </c>
      <c r="V145" s="3" t="s">
        <v>37</v>
      </c>
    </row>
    <row r="146" spans="1:22" x14ac:dyDescent="0.25">
      <c r="A146" s="3" t="s">
        <v>22</v>
      </c>
      <c r="B146" s="4" t="s">
        <v>526</v>
      </c>
      <c r="C146" s="3" t="s">
        <v>527</v>
      </c>
      <c r="D146" s="5" t="s">
        <v>348</v>
      </c>
      <c r="E146" s="3" t="s">
        <v>450</v>
      </c>
      <c r="F146" s="3" t="s">
        <v>598</v>
      </c>
      <c r="G146" s="3" t="s">
        <v>139</v>
      </c>
      <c r="H146" s="3" t="s">
        <v>133</v>
      </c>
      <c r="I146" s="3" t="s">
        <v>37</v>
      </c>
      <c r="J146" s="3" t="s">
        <v>37</v>
      </c>
      <c r="K146" s="3" t="s">
        <v>32</v>
      </c>
      <c r="L146" s="3" t="s">
        <v>33</v>
      </c>
      <c r="M146" s="3" t="s">
        <v>386</v>
      </c>
      <c r="N146" s="3" t="s">
        <v>75</v>
      </c>
      <c r="O146" s="3" t="s">
        <v>53</v>
      </c>
      <c r="P146" s="3" t="s">
        <v>37</v>
      </c>
      <c r="Q146" s="3" t="s">
        <v>37</v>
      </c>
      <c r="R146" s="3" t="s">
        <v>39</v>
      </c>
      <c r="S146" s="3" t="s">
        <v>599</v>
      </c>
      <c r="T146" s="3"/>
      <c r="U146" s="3" t="s">
        <v>37</v>
      </c>
      <c r="V146" s="3" t="s">
        <v>37</v>
      </c>
    </row>
    <row r="147" spans="1:22" x14ac:dyDescent="0.25">
      <c r="A147" s="3" t="s">
        <v>22</v>
      </c>
      <c r="B147" s="4" t="s">
        <v>526</v>
      </c>
      <c r="C147" s="3" t="s">
        <v>527</v>
      </c>
      <c r="D147" s="5" t="s">
        <v>183</v>
      </c>
      <c r="E147" s="3" t="s">
        <v>47</v>
      </c>
      <c r="F147" s="3" t="s">
        <v>92</v>
      </c>
      <c r="G147" s="3" t="s">
        <v>93</v>
      </c>
      <c r="H147" s="3" t="s">
        <v>88</v>
      </c>
      <c r="I147" s="3" t="s">
        <v>50</v>
      </c>
      <c r="J147" s="3" t="s">
        <v>94</v>
      </c>
      <c r="K147" s="3" t="s">
        <v>32</v>
      </c>
      <c r="L147" s="3" t="s">
        <v>33</v>
      </c>
      <c r="M147" s="3" t="s">
        <v>34</v>
      </c>
      <c r="N147" s="3" t="s">
        <v>75</v>
      </c>
      <c r="O147" s="3" t="s">
        <v>53</v>
      </c>
      <c r="P147" s="3" t="s">
        <v>54</v>
      </c>
      <c r="Q147" s="3" t="s">
        <v>37</v>
      </c>
      <c r="R147" s="3" t="s">
        <v>39</v>
      </c>
      <c r="S147" s="3" t="s">
        <v>95</v>
      </c>
      <c r="T147" s="3"/>
      <c r="U147" s="3" t="s">
        <v>37</v>
      </c>
      <c r="V147" s="3" t="s">
        <v>37</v>
      </c>
    </row>
    <row r="148" spans="1:22" x14ac:dyDescent="0.25">
      <c r="A148" s="3" t="s">
        <v>22</v>
      </c>
      <c r="B148" s="4" t="s">
        <v>526</v>
      </c>
      <c r="C148" s="3" t="s">
        <v>527</v>
      </c>
      <c r="D148" s="5" t="s">
        <v>189</v>
      </c>
      <c r="E148" s="3" t="s">
        <v>47</v>
      </c>
      <c r="F148" s="3" t="s">
        <v>97</v>
      </c>
      <c r="G148" s="3" t="s">
        <v>98</v>
      </c>
      <c r="H148" s="3" t="s">
        <v>88</v>
      </c>
      <c r="I148" s="3" t="s">
        <v>50</v>
      </c>
      <c r="J148" s="3" t="s">
        <v>99</v>
      </c>
      <c r="K148" s="3" t="s">
        <v>32</v>
      </c>
      <c r="L148" s="3" t="s">
        <v>33</v>
      </c>
      <c r="M148" s="3" t="s">
        <v>34</v>
      </c>
      <c r="N148" s="3" t="s">
        <v>75</v>
      </c>
      <c r="O148" s="3" t="s">
        <v>53</v>
      </c>
      <c r="P148" s="3" t="s">
        <v>54</v>
      </c>
      <c r="Q148" s="3" t="s">
        <v>37</v>
      </c>
      <c r="R148" s="3" t="s">
        <v>39</v>
      </c>
      <c r="S148" s="3" t="s">
        <v>100</v>
      </c>
      <c r="T148" s="3"/>
      <c r="U148" s="3" t="s">
        <v>37</v>
      </c>
      <c r="V148" s="3" t="s">
        <v>37</v>
      </c>
    </row>
    <row r="149" spans="1:22" x14ac:dyDescent="0.25">
      <c r="A149" s="3" t="s">
        <v>22</v>
      </c>
      <c r="B149" s="4" t="s">
        <v>526</v>
      </c>
      <c r="C149" s="3" t="s">
        <v>527</v>
      </c>
      <c r="D149" s="5" t="s">
        <v>195</v>
      </c>
      <c r="E149" s="3" t="s">
        <v>47</v>
      </c>
      <c r="F149" s="3" t="s">
        <v>600</v>
      </c>
      <c r="G149" s="3" t="s">
        <v>601</v>
      </c>
      <c r="H149" s="3" t="s">
        <v>88</v>
      </c>
      <c r="I149" s="3" t="s">
        <v>50</v>
      </c>
      <c r="J149" s="3" t="s">
        <v>602</v>
      </c>
      <c r="K149" s="3" t="s">
        <v>32</v>
      </c>
      <c r="L149" s="3" t="s">
        <v>33</v>
      </c>
      <c r="M149" s="3" t="s">
        <v>34</v>
      </c>
      <c r="N149" s="3" t="s">
        <v>75</v>
      </c>
      <c r="O149" s="3" t="s">
        <v>53</v>
      </c>
      <c r="P149" s="3" t="s">
        <v>54</v>
      </c>
      <c r="Q149" s="3" t="s">
        <v>37</v>
      </c>
      <c r="R149" s="3" t="s">
        <v>39</v>
      </c>
      <c r="S149" s="3" t="s">
        <v>603</v>
      </c>
      <c r="T149" s="3"/>
      <c r="U149" s="3" t="s">
        <v>37</v>
      </c>
      <c r="V149" s="3" t="s">
        <v>37</v>
      </c>
    </row>
    <row r="150" spans="1:22" x14ac:dyDescent="0.25">
      <c r="A150" s="3" t="s">
        <v>22</v>
      </c>
      <c r="B150" s="4" t="s">
        <v>526</v>
      </c>
      <c r="C150" s="3" t="s">
        <v>527</v>
      </c>
      <c r="D150" s="5" t="s">
        <v>201</v>
      </c>
      <c r="E150" s="3" t="s">
        <v>165</v>
      </c>
      <c r="F150" s="3" t="s">
        <v>604</v>
      </c>
      <c r="G150" s="3" t="s">
        <v>591</v>
      </c>
      <c r="H150" s="3" t="s">
        <v>88</v>
      </c>
      <c r="I150" s="3" t="s">
        <v>37</v>
      </c>
      <c r="J150" s="3" t="s">
        <v>605</v>
      </c>
      <c r="K150" s="3" t="s">
        <v>32</v>
      </c>
      <c r="L150" s="3" t="s">
        <v>33</v>
      </c>
      <c r="M150" s="3" t="s">
        <v>74</v>
      </c>
      <c r="N150" s="3" t="s">
        <v>234</v>
      </c>
      <c r="O150" s="3" t="s">
        <v>53</v>
      </c>
      <c r="P150" s="3" t="s">
        <v>54</v>
      </c>
      <c r="Q150" s="3" t="s">
        <v>37</v>
      </c>
      <c r="R150" s="3" t="s">
        <v>39</v>
      </c>
      <c r="S150" s="3" t="s">
        <v>606</v>
      </c>
      <c r="T150" s="3"/>
      <c r="U150" s="3" t="s">
        <v>37</v>
      </c>
      <c r="V150" s="3" t="s">
        <v>37</v>
      </c>
    </row>
    <row r="151" spans="1:22" x14ac:dyDescent="0.25">
      <c r="A151" s="3" t="s">
        <v>22</v>
      </c>
      <c r="B151" s="4" t="s">
        <v>526</v>
      </c>
      <c r="C151" s="3" t="s">
        <v>527</v>
      </c>
      <c r="D151" s="5" t="s">
        <v>205</v>
      </c>
      <c r="E151" s="3" t="s">
        <v>165</v>
      </c>
      <c r="F151" s="3" t="s">
        <v>607</v>
      </c>
      <c r="G151" s="3" t="s">
        <v>539</v>
      </c>
      <c r="H151" s="3" t="s">
        <v>88</v>
      </c>
      <c r="I151" s="3" t="s">
        <v>37</v>
      </c>
      <c r="J151" s="3" t="s">
        <v>608</v>
      </c>
      <c r="K151" s="3" t="s">
        <v>32</v>
      </c>
      <c r="L151" s="3" t="s">
        <v>33</v>
      </c>
      <c r="M151" s="3" t="s">
        <v>74</v>
      </c>
      <c r="N151" s="3" t="s">
        <v>234</v>
      </c>
      <c r="O151" s="3" t="s">
        <v>53</v>
      </c>
      <c r="P151" s="3" t="s">
        <v>54</v>
      </c>
      <c r="Q151" s="3" t="s">
        <v>37</v>
      </c>
      <c r="R151" s="3" t="s">
        <v>39</v>
      </c>
      <c r="S151" s="3" t="s">
        <v>609</v>
      </c>
      <c r="T151" s="3"/>
      <c r="U151" s="3" t="s">
        <v>37</v>
      </c>
      <c r="V151" s="3" t="s">
        <v>37</v>
      </c>
    </row>
    <row r="152" spans="1:22" x14ac:dyDescent="0.25">
      <c r="A152" s="3" t="s">
        <v>22</v>
      </c>
      <c r="B152" s="4" t="s">
        <v>526</v>
      </c>
      <c r="C152" s="3" t="s">
        <v>527</v>
      </c>
      <c r="D152" s="5" t="s">
        <v>494</v>
      </c>
      <c r="E152" s="3" t="s">
        <v>495</v>
      </c>
      <c r="F152" s="3" t="s">
        <v>610</v>
      </c>
      <c r="G152" s="3" t="s">
        <v>279</v>
      </c>
      <c r="H152" s="3" t="s">
        <v>88</v>
      </c>
      <c r="I152" s="3" t="s">
        <v>497</v>
      </c>
      <c r="J152" s="3" t="s">
        <v>611</v>
      </c>
      <c r="K152" s="3" t="s">
        <v>32</v>
      </c>
      <c r="L152" s="3" t="s">
        <v>33</v>
      </c>
      <c r="M152" s="3" t="s">
        <v>34</v>
      </c>
      <c r="N152" s="3" t="s">
        <v>234</v>
      </c>
      <c r="O152" s="3" t="s">
        <v>105</v>
      </c>
      <c r="P152" s="3" t="s">
        <v>37</v>
      </c>
      <c r="Q152" s="3" t="s">
        <v>37</v>
      </c>
      <c r="R152" s="3" t="s">
        <v>39</v>
      </c>
      <c r="S152" s="3" t="s">
        <v>612</v>
      </c>
      <c r="T152" s="3"/>
      <c r="U152" s="3" t="s">
        <v>37</v>
      </c>
      <c r="V152" s="3" t="s">
        <v>37</v>
      </c>
    </row>
    <row r="153" spans="1:22" x14ac:dyDescent="0.25">
      <c r="A153" s="3" t="s">
        <v>22</v>
      </c>
      <c r="B153" s="4" t="s">
        <v>526</v>
      </c>
      <c r="C153" s="3" t="s">
        <v>527</v>
      </c>
      <c r="D153" s="5" t="s">
        <v>500</v>
      </c>
      <c r="E153" s="3" t="s">
        <v>495</v>
      </c>
      <c r="F153" s="3" t="s">
        <v>613</v>
      </c>
      <c r="G153" s="3" t="s">
        <v>167</v>
      </c>
      <c r="H153" s="3" t="s">
        <v>133</v>
      </c>
      <c r="I153" s="3" t="s">
        <v>497</v>
      </c>
      <c r="J153" s="3" t="s">
        <v>614</v>
      </c>
      <c r="K153" s="3" t="s">
        <v>32</v>
      </c>
      <c r="L153" s="3" t="s">
        <v>33</v>
      </c>
      <c r="M153" s="3" t="s">
        <v>34</v>
      </c>
      <c r="N153" s="3" t="s">
        <v>153</v>
      </c>
      <c r="O153" s="3" t="s">
        <v>105</v>
      </c>
      <c r="P153" s="3" t="s">
        <v>37</v>
      </c>
      <c r="Q153" s="3" t="s">
        <v>37</v>
      </c>
      <c r="R153" s="3" t="s">
        <v>39</v>
      </c>
      <c r="S153" s="3" t="s">
        <v>615</v>
      </c>
      <c r="T153" s="3"/>
      <c r="U153" s="3" t="s">
        <v>37</v>
      </c>
      <c r="V153" s="3" t="s">
        <v>37</v>
      </c>
    </row>
    <row r="154" spans="1:22" x14ac:dyDescent="0.25">
      <c r="A154" s="3" t="s">
        <v>22</v>
      </c>
      <c r="B154" s="4" t="s">
        <v>526</v>
      </c>
      <c r="C154" s="3" t="s">
        <v>527</v>
      </c>
      <c r="D154" s="5" t="s">
        <v>220</v>
      </c>
      <c r="E154" s="3" t="s">
        <v>184</v>
      </c>
      <c r="F154" s="3" t="s">
        <v>616</v>
      </c>
      <c r="G154" s="3" t="s">
        <v>145</v>
      </c>
      <c r="H154" s="3" t="s">
        <v>133</v>
      </c>
      <c r="I154" s="3" t="s">
        <v>617</v>
      </c>
      <c r="J154" s="3" t="s">
        <v>618</v>
      </c>
      <c r="K154" s="3" t="s">
        <v>32</v>
      </c>
      <c r="L154" s="3" t="s">
        <v>82</v>
      </c>
      <c r="M154" s="3" t="s">
        <v>74</v>
      </c>
      <c r="N154" s="3" t="s">
        <v>296</v>
      </c>
      <c r="O154" s="3" t="s">
        <v>36</v>
      </c>
      <c r="P154" s="3" t="s">
        <v>37</v>
      </c>
      <c r="Q154" s="3" t="s">
        <v>37</v>
      </c>
      <c r="R154" s="3" t="s">
        <v>39</v>
      </c>
      <c r="S154" s="3" t="s">
        <v>619</v>
      </c>
      <c r="T154" s="3"/>
      <c r="U154" s="3" t="s">
        <v>37</v>
      </c>
      <c r="V154" s="3" t="s">
        <v>37</v>
      </c>
    </row>
    <row r="155" spans="1:22" x14ac:dyDescent="0.25">
      <c r="A155" s="3" t="s">
        <v>22</v>
      </c>
      <c r="B155" s="4" t="s">
        <v>526</v>
      </c>
      <c r="C155" s="3" t="s">
        <v>527</v>
      </c>
      <c r="D155" s="5" t="s">
        <v>224</v>
      </c>
      <c r="E155" s="3" t="s">
        <v>184</v>
      </c>
      <c r="F155" s="3" t="s">
        <v>620</v>
      </c>
      <c r="G155" s="3" t="s">
        <v>110</v>
      </c>
      <c r="H155" s="3" t="s">
        <v>133</v>
      </c>
      <c r="I155" s="3" t="s">
        <v>621</v>
      </c>
      <c r="J155" s="3" t="s">
        <v>622</v>
      </c>
      <c r="K155" s="3" t="s">
        <v>32</v>
      </c>
      <c r="L155" s="3" t="s">
        <v>82</v>
      </c>
      <c r="M155" s="3" t="s">
        <v>74</v>
      </c>
      <c r="N155" s="3" t="s">
        <v>296</v>
      </c>
      <c r="O155" s="3" t="s">
        <v>564</v>
      </c>
      <c r="P155" s="3" t="s">
        <v>37</v>
      </c>
      <c r="Q155" s="3" t="s">
        <v>37</v>
      </c>
      <c r="R155" s="3" t="s">
        <v>39</v>
      </c>
      <c r="S155" s="3" t="s">
        <v>623</v>
      </c>
      <c r="T155" s="3"/>
      <c r="U155" s="3" t="s">
        <v>37</v>
      </c>
      <c r="V155" s="3" t="s">
        <v>37</v>
      </c>
    </row>
    <row r="156" spans="1:22" x14ac:dyDescent="0.25">
      <c r="A156" s="3" t="s">
        <v>22</v>
      </c>
      <c r="B156" s="4" t="s">
        <v>526</v>
      </c>
      <c r="C156" s="3" t="s">
        <v>527</v>
      </c>
      <c r="D156" s="5" t="s">
        <v>229</v>
      </c>
      <c r="E156" s="3" t="s">
        <v>509</v>
      </c>
      <c r="F156" s="3" t="s">
        <v>624</v>
      </c>
      <c r="G156" s="3" t="s">
        <v>110</v>
      </c>
      <c r="H156" s="3" t="s">
        <v>133</v>
      </c>
      <c r="I156" s="3" t="s">
        <v>37</v>
      </c>
      <c r="J156" s="3" t="s">
        <v>625</v>
      </c>
      <c r="K156" s="3" t="s">
        <v>32</v>
      </c>
      <c r="L156" s="3" t="s">
        <v>82</v>
      </c>
      <c r="M156" s="3" t="s">
        <v>74</v>
      </c>
      <c r="N156" s="3" t="s">
        <v>234</v>
      </c>
      <c r="O156" s="3" t="s">
        <v>36</v>
      </c>
      <c r="P156" s="3" t="s">
        <v>54</v>
      </c>
      <c r="Q156" s="3" t="s">
        <v>37</v>
      </c>
      <c r="R156" s="3" t="s">
        <v>39</v>
      </c>
      <c r="S156" s="3" t="s">
        <v>626</v>
      </c>
      <c r="T156" s="3"/>
      <c r="U156" s="3" t="s">
        <v>37</v>
      </c>
      <c r="V156" s="3" t="s">
        <v>37</v>
      </c>
    </row>
    <row r="157" spans="1:22" x14ac:dyDescent="0.25">
      <c r="A157" s="3" t="s">
        <v>22</v>
      </c>
      <c r="B157" s="4" t="s">
        <v>526</v>
      </c>
      <c r="C157" s="3" t="s">
        <v>527</v>
      </c>
      <c r="D157" s="5" t="s">
        <v>236</v>
      </c>
      <c r="E157" s="3" t="s">
        <v>509</v>
      </c>
      <c r="F157" s="3" t="s">
        <v>627</v>
      </c>
      <c r="G157" s="3" t="s">
        <v>122</v>
      </c>
      <c r="H157" s="3" t="s">
        <v>133</v>
      </c>
      <c r="I157" s="3" t="s">
        <v>37</v>
      </c>
      <c r="J157" s="3" t="s">
        <v>628</v>
      </c>
      <c r="K157" s="3" t="s">
        <v>32</v>
      </c>
      <c r="L157" s="3" t="s">
        <v>82</v>
      </c>
      <c r="M157" s="3" t="s">
        <v>74</v>
      </c>
      <c r="N157" s="3" t="s">
        <v>234</v>
      </c>
      <c r="O157" s="3" t="s">
        <v>36</v>
      </c>
      <c r="P157" s="3" t="s">
        <v>54</v>
      </c>
      <c r="Q157" s="3" t="s">
        <v>37</v>
      </c>
      <c r="R157" s="3" t="s">
        <v>39</v>
      </c>
      <c r="S157" s="3" t="s">
        <v>629</v>
      </c>
      <c r="T157" s="3"/>
      <c r="U157" s="3" t="s">
        <v>37</v>
      </c>
      <c r="V157" s="3" t="s">
        <v>37</v>
      </c>
    </row>
    <row r="158" spans="1:22" x14ac:dyDescent="0.25">
      <c r="A158" s="3" t="s">
        <v>22</v>
      </c>
      <c r="B158" s="4" t="s">
        <v>526</v>
      </c>
      <c r="C158" s="3" t="s">
        <v>527</v>
      </c>
      <c r="D158" s="5" t="s">
        <v>240</v>
      </c>
      <c r="E158" s="3" t="s">
        <v>517</v>
      </c>
      <c r="F158" s="3" t="s">
        <v>630</v>
      </c>
      <c r="G158" s="3" t="s">
        <v>631</v>
      </c>
      <c r="H158" s="3" t="s">
        <v>29</v>
      </c>
      <c r="I158" s="3" t="s">
        <v>632</v>
      </c>
      <c r="J158" s="3" t="s">
        <v>633</v>
      </c>
      <c r="K158" s="3" t="s">
        <v>32</v>
      </c>
      <c r="L158" s="3" t="s">
        <v>82</v>
      </c>
      <c r="M158" s="3" t="s">
        <v>522</v>
      </c>
      <c r="N158" s="3" t="s">
        <v>523</v>
      </c>
      <c r="O158" s="3" t="s">
        <v>507</v>
      </c>
      <c r="P158" s="3" t="s">
        <v>54</v>
      </c>
      <c r="Q158" s="3" t="s">
        <v>38</v>
      </c>
      <c r="R158" s="3" t="s">
        <v>39</v>
      </c>
      <c r="S158" s="3" t="s">
        <v>634</v>
      </c>
      <c r="T158" s="3"/>
      <c r="U158" s="3" t="s">
        <v>37</v>
      </c>
      <c r="V158" s="3" t="s">
        <v>37</v>
      </c>
    </row>
    <row r="159" spans="1:22" x14ac:dyDescent="0.25">
      <c r="A159" s="3"/>
      <c r="B159" s="4"/>
      <c r="C159" s="3"/>
      <c r="D159" s="5"/>
      <c r="E159" s="6" t="s">
        <v>249</v>
      </c>
      <c r="F159" s="3"/>
      <c r="G159" s="3"/>
      <c r="H159" s="3"/>
      <c r="I159" s="3"/>
      <c r="J159" s="3"/>
      <c r="K159" s="3"/>
      <c r="L159" s="3"/>
      <c r="M159" s="3"/>
      <c r="N159" s="3"/>
      <c r="O159" s="3"/>
      <c r="P159" s="3"/>
      <c r="Q159" s="3"/>
      <c r="R159" s="3"/>
      <c r="S159" s="3"/>
      <c r="T159" s="3"/>
      <c r="U159" s="3"/>
      <c r="V159" s="3"/>
    </row>
    <row r="160" spans="1:22" x14ac:dyDescent="0.25">
      <c r="A160" s="3"/>
      <c r="B160" s="4"/>
      <c r="C160" s="3"/>
      <c r="D160" s="5"/>
      <c r="E160" s="6"/>
      <c r="F160" s="3"/>
      <c r="G160" s="3"/>
      <c r="H160" s="3"/>
      <c r="I160" s="3"/>
      <c r="J160" s="3"/>
      <c r="K160" s="3"/>
      <c r="L160" s="3"/>
      <c r="M160" s="3"/>
      <c r="N160" s="3"/>
      <c r="O160" s="3"/>
      <c r="P160" s="3"/>
      <c r="Q160" s="3"/>
      <c r="R160" s="3"/>
      <c r="S160" s="3"/>
      <c r="T160" s="3"/>
      <c r="U160" s="3"/>
      <c r="V160" s="3"/>
    </row>
    <row r="161" spans="1:22" x14ac:dyDescent="0.25">
      <c r="A161" s="3" t="s">
        <v>22</v>
      </c>
      <c r="B161" s="4" t="s">
        <v>635</v>
      </c>
      <c r="C161" s="3" t="s">
        <v>636</v>
      </c>
      <c r="D161" s="5" t="s">
        <v>25</v>
      </c>
      <c r="E161" s="3" t="s">
        <v>47</v>
      </c>
      <c r="F161" s="3" t="s">
        <v>92</v>
      </c>
      <c r="G161" s="3" t="s">
        <v>93</v>
      </c>
      <c r="H161" s="3" t="s">
        <v>88</v>
      </c>
      <c r="I161" s="3" t="s">
        <v>50</v>
      </c>
      <c r="J161" s="3" t="s">
        <v>94</v>
      </c>
      <c r="K161" s="3" t="s">
        <v>32</v>
      </c>
      <c r="L161" s="3" t="s">
        <v>33</v>
      </c>
      <c r="M161" s="3" t="s">
        <v>34</v>
      </c>
      <c r="N161" s="3" t="s">
        <v>75</v>
      </c>
      <c r="O161" s="3" t="s">
        <v>53</v>
      </c>
      <c r="P161" s="3" t="s">
        <v>54</v>
      </c>
      <c r="Q161" s="3" t="s">
        <v>37</v>
      </c>
      <c r="R161" s="3" t="s">
        <v>39</v>
      </c>
      <c r="S161" s="3" t="s">
        <v>95</v>
      </c>
      <c r="T161" s="3"/>
      <c r="U161" s="3" t="s">
        <v>37</v>
      </c>
      <c r="V161" s="3" t="s">
        <v>37</v>
      </c>
    </row>
    <row r="162" spans="1:22" x14ac:dyDescent="0.25">
      <c r="A162" s="3" t="s">
        <v>22</v>
      </c>
      <c r="B162" s="4" t="s">
        <v>635</v>
      </c>
      <c r="C162" s="3" t="s">
        <v>636</v>
      </c>
      <c r="D162" s="5" t="s">
        <v>41</v>
      </c>
      <c r="E162" s="3" t="s">
        <v>47</v>
      </c>
      <c r="F162" s="3" t="s">
        <v>97</v>
      </c>
      <c r="G162" s="3" t="s">
        <v>98</v>
      </c>
      <c r="H162" s="3" t="s">
        <v>88</v>
      </c>
      <c r="I162" s="3" t="s">
        <v>50</v>
      </c>
      <c r="J162" s="3" t="s">
        <v>99</v>
      </c>
      <c r="K162" s="3" t="s">
        <v>32</v>
      </c>
      <c r="L162" s="3" t="s">
        <v>33</v>
      </c>
      <c r="M162" s="3" t="s">
        <v>34</v>
      </c>
      <c r="N162" s="3" t="s">
        <v>75</v>
      </c>
      <c r="O162" s="3" t="s">
        <v>53</v>
      </c>
      <c r="P162" s="3" t="s">
        <v>54</v>
      </c>
      <c r="Q162" s="3" t="s">
        <v>37</v>
      </c>
      <c r="R162" s="3" t="s">
        <v>39</v>
      </c>
      <c r="S162" s="3" t="s">
        <v>100</v>
      </c>
      <c r="T162" s="3"/>
      <c r="U162" s="3" t="s">
        <v>37</v>
      </c>
      <c r="V162" s="3" t="s">
        <v>37</v>
      </c>
    </row>
    <row r="163" spans="1:22" x14ac:dyDescent="0.25">
      <c r="A163" s="3" t="s">
        <v>22</v>
      </c>
      <c r="B163" s="4" t="s">
        <v>635</v>
      </c>
      <c r="C163" s="3" t="s">
        <v>636</v>
      </c>
      <c r="D163" s="5" t="s">
        <v>637</v>
      </c>
      <c r="E163" s="3" t="s">
        <v>47</v>
      </c>
      <c r="F163" s="3" t="s">
        <v>600</v>
      </c>
      <c r="G163" s="3" t="s">
        <v>601</v>
      </c>
      <c r="H163" s="3" t="s">
        <v>88</v>
      </c>
      <c r="I163" s="3" t="s">
        <v>50</v>
      </c>
      <c r="J163" s="3" t="s">
        <v>602</v>
      </c>
      <c r="K163" s="3" t="s">
        <v>32</v>
      </c>
      <c r="L163" s="3" t="s">
        <v>33</v>
      </c>
      <c r="M163" s="3" t="s">
        <v>34</v>
      </c>
      <c r="N163" s="3" t="s">
        <v>75</v>
      </c>
      <c r="O163" s="3" t="s">
        <v>53</v>
      </c>
      <c r="P163" s="3" t="s">
        <v>54</v>
      </c>
      <c r="Q163" s="3" t="s">
        <v>37</v>
      </c>
      <c r="R163" s="3" t="s">
        <v>39</v>
      </c>
      <c r="S163" s="3" t="s">
        <v>603</v>
      </c>
      <c r="T163" s="3"/>
      <c r="U163" s="3" t="s">
        <v>37</v>
      </c>
      <c r="V163" s="3" t="s">
        <v>37</v>
      </c>
    </row>
    <row r="164" spans="1:22" x14ac:dyDescent="0.25">
      <c r="A164" s="3" t="s">
        <v>22</v>
      </c>
      <c r="B164" s="4" t="s">
        <v>635</v>
      </c>
      <c r="C164" s="3" t="s">
        <v>636</v>
      </c>
      <c r="D164" s="5" t="s">
        <v>638</v>
      </c>
      <c r="E164" s="3" t="s">
        <v>47</v>
      </c>
      <c r="F164" s="3" t="s">
        <v>639</v>
      </c>
      <c r="G164" s="3" t="s">
        <v>167</v>
      </c>
      <c r="H164" s="3" t="s">
        <v>133</v>
      </c>
      <c r="I164" s="3" t="s">
        <v>50</v>
      </c>
      <c r="J164" s="3" t="s">
        <v>640</v>
      </c>
      <c r="K164" s="3" t="s">
        <v>32</v>
      </c>
      <c r="L164" s="3" t="s">
        <v>37</v>
      </c>
      <c r="M164" s="3" t="s">
        <v>34</v>
      </c>
      <c r="N164" s="3" t="s">
        <v>296</v>
      </c>
      <c r="O164" s="3" t="s">
        <v>53</v>
      </c>
      <c r="P164" s="3" t="s">
        <v>54</v>
      </c>
      <c r="Q164" s="3" t="s">
        <v>37</v>
      </c>
      <c r="R164" s="3" t="s">
        <v>39</v>
      </c>
      <c r="S164" s="3" t="s">
        <v>641</v>
      </c>
      <c r="T164" s="3"/>
      <c r="U164" s="3" t="s">
        <v>37</v>
      </c>
      <c r="V164" s="3" t="s">
        <v>37</v>
      </c>
    </row>
    <row r="165" spans="1:22" x14ac:dyDescent="0.25">
      <c r="A165" s="3" t="s">
        <v>22</v>
      </c>
      <c r="B165" s="4" t="s">
        <v>635</v>
      </c>
      <c r="C165" s="3" t="s">
        <v>636</v>
      </c>
      <c r="D165" s="5" t="s">
        <v>642</v>
      </c>
      <c r="E165" s="3" t="s">
        <v>47</v>
      </c>
      <c r="F165" s="3" t="s">
        <v>643</v>
      </c>
      <c r="G165" s="3" t="s">
        <v>173</v>
      </c>
      <c r="H165" s="3" t="s">
        <v>133</v>
      </c>
      <c r="I165" s="3" t="s">
        <v>50</v>
      </c>
      <c r="J165" s="3" t="s">
        <v>644</v>
      </c>
      <c r="K165" s="3" t="s">
        <v>32</v>
      </c>
      <c r="L165" s="3" t="s">
        <v>33</v>
      </c>
      <c r="M165" s="3" t="s">
        <v>34</v>
      </c>
      <c r="N165" s="3" t="s">
        <v>296</v>
      </c>
      <c r="O165" s="3" t="s">
        <v>53</v>
      </c>
      <c r="P165" s="3" t="s">
        <v>54</v>
      </c>
      <c r="Q165" s="3" t="s">
        <v>37</v>
      </c>
      <c r="R165" s="3" t="s">
        <v>39</v>
      </c>
      <c r="S165" s="3" t="s">
        <v>645</v>
      </c>
      <c r="T165" s="3"/>
      <c r="U165" s="3" t="s">
        <v>37</v>
      </c>
      <c r="V165" s="3" t="s">
        <v>37</v>
      </c>
    </row>
    <row r="166" spans="1:22" x14ac:dyDescent="0.25">
      <c r="A166" s="3" t="s">
        <v>22</v>
      </c>
      <c r="B166" s="4" t="s">
        <v>635</v>
      </c>
      <c r="C166" s="3" t="s">
        <v>636</v>
      </c>
      <c r="D166" s="5" t="s">
        <v>646</v>
      </c>
      <c r="E166" s="3" t="s">
        <v>47</v>
      </c>
      <c r="F166" s="3" t="s">
        <v>647</v>
      </c>
      <c r="G166" s="3" t="s">
        <v>341</v>
      </c>
      <c r="H166" s="3" t="s">
        <v>133</v>
      </c>
      <c r="I166" s="3" t="s">
        <v>50</v>
      </c>
      <c r="J166" s="3" t="s">
        <v>648</v>
      </c>
      <c r="K166" s="3" t="s">
        <v>32</v>
      </c>
      <c r="L166" s="3" t="s">
        <v>33</v>
      </c>
      <c r="M166" s="3" t="s">
        <v>34</v>
      </c>
      <c r="N166" s="3" t="s">
        <v>296</v>
      </c>
      <c r="O166" s="3" t="s">
        <v>53</v>
      </c>
      <c r="P166" s="3" t="s">
        <v>54</v>
      </c>
      <c r="Q166" s="3" t="s">
        <v>37</v>
      </c>
      <c r="R166" s="3" t="s">
        <v>39</v>
      </c>
      <c r="S166" s="3" t="s">
        <v>649</v>
      </c>
      <c r="T166" s="3"/>
      <c r="U166" s="3" t="s">
        <v>37</v>
      </c>
      <c r="V166" s="3" t="s">
        <v>37</v>
      </c>
    </row>
    <row r="167" spans="1:22" x14ac:dyDescent="0.25">
      <c r="A167" s="3" t="s">
        <v>22</v>
      </c>
      <c r="B167" s="4" t="s">
        <v>635</v>
      </c>
      <c r="C167" s="3" t="s">
        <v>636</v>
      </c>
      <c r="D167" s="5" t="s">
        <v>418</v>
      </c>
      <c r="E167" s="3" t="s">
        <v>584</v>
      </c>
      <c r="F167" s="3" t="s">
        <v>650</v>
      </c>
      <c r="G167" s="3" t="s">
        <v>651</v>
      </c>
      <c r="H167" s="3" t="s">
        <v>88</v>
      </c>
      <c r="I167" s="3" t="s">
        <v>652</v>
      </c>
      <c r="J167" s="3" t="s">
        <v>653</v>
      </c>
      <c r="K167" s="3" t="s">
        <v>32</v>
      </c>
      <c r="L167" s="3" t="s">
        <v>33</v>
      </c>
      <c r="M167" s="3" t="s">
        <v>74</v>
      </c>
      <c r="N167" s="3" t="s">
        <v>588</v>
      </c>
      <c r="O167" s="3" t="s">
        <v>53</v>
      </c>
      <c r="P167" s="3" t="s">
        <v>37</v>
      </c>
      <c r="Q167" s="3" t="s">
        <v>37</v>
      </c>
      <c r="R167" s="3" t="s">
        <v>39</v>
      </c>
      <c r="S167" s="3" t="s">
        <v>654</v>
      </c>
      <c r="T167" s="3"/>
      <c r="U167" s="3" t="s">
        <v>37</v>
      </c>
      <c r="V167" s="3" t="s">
        <v>37</v>
      </c>
    </row>
    <row r="168" spans="1:22" x14ac:dyDescent="0.25">
      <c r="A168" s="3" t="s">
        <v>22</v>
      </c>
      <c r="B168" s="4" t="s">
        <v>635</v>
      </c>
      <c r="C168" s="3" t="s">
        <v>636</v>
      </c>
      <c r="D168" s="5" t="s">
        <v>424</v>
      </c>
      <c r="E168" s="3" t="s">
        <v>584</v>
      </c>
      <c r="F168" s="3" t="s">
        <v>655</v>
      </c>
      <c r="G168" s="3" t="s">
        <v>656</v>
      </c>
      <c r="H168" s="3" t="s">
        <v>88</v>
      </c>
      <c r="I168" s="3" t="s">
        <v>657</v>
      </c>
      <c r="J168" s="3" t="s">
        <v>658</v>
      </c>
      <c r="K168" s="3" t="s">
        <v>32</v>
      </c>
      <c r="L168" s="3" t="s">
        <v>33</v>
      </c>
      <c r="M168" s="3" t="s">
        <v>74</v>
      </c>
      <c r="N168" s="3" t="s">
        <v>588</v>
      </c>
      <c r="O168" s="3" t="s">
        <v>53</v>
      </c>
      <c r="P168" s="3" t="s">
        <v>37</v>
      </c>
      <c r="Q168" s="3" t="s">
        <v>37</v>
      </c>
      <c r="R168" s="3" t="s">
        <v>39</v>
      </c>
      <c r="S168" s="3" t="s">
        <v>659</v>
      </c>
      <c r="T168" s="3"/>
      <c r="U168" s="3" t="s">
        <v>37</v>
      </c>
      <c r="V168" s="3" t="s">
        <v>37</v>
      </c>
    </row>
    <row r="169" spans="1:22" x14ac:dyDescent="0.25">
      <c r="A169" s="3" t="s">
        <v>22</v>
      </c>
      <c r="B169" s="4" t="s">
        <v>635</v>
      </c>
      <c r="C169" s="3" t="s">
        <v>636</v>
      </c>
      <c r="D169" s="5" t="s">
        <v>433</v>
      </c>
      <c r="E169" s="3" t="s">
        <v>584</v>
      </c>
      <c r="F169" s="3" t="s">
        <v>660</v>
      </c>
      <c r="G169" s="3" t="s">
        <v>661</v>
      </c>
      <c r="H169" s="3" t="s">
        <v>88</v>
      </c>
      <c r="I169" s="3" t="s">
        <v>662</v>
      </c>
      <c r="J169" s="3" t="s">
        <v>663</v>
      </c>
      <c r="K169" s="3" t="s">
        <v>32</v>
      </c>
      <c r="L169" s="3" t="s">
        <v>33</v>
      </c>
      <c r="M169" s="3" t="s">
        <v>74</v>
      </c>
      <c r="N169" s="3" t="s">
        <v>588</v>
      </c>
      <c r="O169" s="3" t="s">
        <v>53</v>
      </c>
      <c r="P169" s="3" t="s">
        <v>37</v>
      </c>
      <c r="Q169" s="3" t="s">
        <v>37</v>
      </c>
      <c r="R169" s="3" t="s">
        <v>39</v>
      </c>
      <c r="S169" s="3" t="s">
        <v>664</v>
      </c>
      <c r="T169" s="3"/>
      <c r="U169" s="3" t="s">
        <v>37</v>
      </c>
      <c r="V169" s="3" t="s">
        <v>37</v>
      </c>
    </row>
    <row r="170" spans="1:22" x14ac:dyDescent="0.25">
      <c r="A170" s="3" t="s">
        <v>22</v>
      </c>
      <c r="B170" s="4" t="s">
        <v>635</v>
      </c>
      <c r="C170" s="3" t="s">
        <v>636</v>
      </c>
      <c r="D170" s="5" t="s">
        <v>665</v>
      </c>
      <c r="E170" s="3" t="s">
        <v>62</v>
      </c>
      <c r="F170" s="3" t="s">
        <v>666</v>
      </c>
      <c r="G170" s="3" t="s">
        <v>167</v>
      </c>
      <c r="H170" s="3" t="s">
        <v>29</v>
      </c>
      <c r="I170" s="3" t="s">
        <v>65</v>
      </c>
      <c r="J170" s="3" t="s">
        <v>667</v>
      </c>
      <c r="K170" s="3" t="s">
        <v>32</v>
      </c>
      <c r="L170" s="3" t="s">
        <v>33</v>
      </c>
      <c r="M170" s="3" t="s">
        <v>34</v>
      </c>
      <c r="N170" s="3" t="s">
        <v>35</v>
      </c>
      <c r="O170" s="3" t="s">
        <v>67</v>
      </c>
      <c r="P170" s="3" t="s">
        <v>37</v>
      </c>
      <c r="Q170" s="3" t="s">
        <v>38</v>
      </c>
      <c r="R170" s="3" t="s">
        <v>39</v>
      </c>
      <c r="S170" s="3" t="s">
        <v>668</v>
      </c>
      <c r="T170" s="3"/>
      <c r="U170" s="3" t="s">
        <v>37</v>
      </c>
      <c r="V170" s="3" t="s">
        <v>37</v>
      </c>
    </row>
    <row r="171" spans="1:22" x14ac:dyDescent="0.25">
      <c r="A171" s="3" t="s">
        <v>22</v>
      </c>
      <c r="B171" s="4" t="s">
        <v>635</v>
      </c>
      <c r="C171" s="3" t="s">
        <v>636</v>
      </c>
      <c r="D171" s="5" t="s">
        <v>91</v>
      </c>
      <c r="E171" s="3" t="s">
        <v>47</v>
      </c>
      <c r="F171" s="3" t="s">
        <v>293</v>
      </c>
      <c r="G171" s="3" t="s">
        <v>294</v>
      </c>
      <c r="H171" s="3" t="s">
        <v>133</v>
      </c>
      <c r="I171" s="3" t="s">
        <v>50</v>
      </c>
      <c r="J171" s="3" t="s">
        <v>295</v>
      </c>
      <c r="K171" s="3" t="s">
        <v>32</v>
      </c>
      <c r="L171" s="3" t="s">
        <v>33</v>
      </c>
      <c r="M171" s="3" t="s">
        <v>34</v>
      </c>
      <c r="N171" s="3" t="s">
        <v>296</v>
      </c>
      <c r="O171" s="3" t="s">
        <v>53</v>
      </c>
      <c r="P171" s="3" t="s">
        <v>54</v>
      </c>
      <c r="Q171" s="3" t="s">
        <v>37</v>
      </c>
      <c r="R171" s="3" t="s">
        <v>39</v>
      </c>
      <c r="S171" s="3" t="s">
        <v>297</v>
      </c>
      <c r="T171" s="3"/>
      <c r="U171" s="3" t="s">
        <v>37</v>
      </c>
      <c r="V171" s="3" t="s">
        <v>37</v>
      </c>
    </row>
    <row r="172" spans="1:22" x14ac:dyDescent="0.25">
      <c r="A172" s="3" t="s">
        <v>22</v>
      </c>
      <c r="B172" s="4" t="s">
        <v>635</v>
      </c>
      <c r="C172" s="3" t="s">
        <v>636</v>
      </c>
      <c r="D172" s="5" t="s">
        <v>96</v>
      </c>
      <c r="E172" s="3" t="s">
        <v>70</v>
      </c>
      <c r="F172" s="3" t="s">
        <v>669</v>
      </c>
      <c r="G172" s="3" t="s">
        <v>232</v>
      </c>
      <c r="H172" s="3" t="s">
        <v>29</v>
      </c>
      <c r="I172" s="3" t="s">
        <v>37</v>
      </c>
      <c r="J172" s="3" t="s">
        <v>670</v>
      </c>
      <c r="K172" s="3" t="s">
        <v>32</v>
      </c>
      <c r="L172" s="3" t="s">
        <v>33</v>
      </c>
      <c r="M172" s="3" t="s">
        <v>74</v>
      </c>
      <c r="N172" s="3" t="s">
        <v>75</v>
      </c>
      <c r="O172" s="3" t="s">
        <v>37</v>
      </c>
      <c r="P172" s="3" t="s">
        <v>37</v>
      </c>
      <c r="Q172" s="3" t="s">
        <v>37</v>
      </c>
      <c r="R172" s="3" t="s">
        <v>39</v>
      </c>
      <c r="S172" s="3" t="s">
        <v>671</v>
      </c>
      <c r="T172" s="3" t="s">
        <v>282</v>
      </c>
      <c r="U172" s="3" t="s">
        <v>37</v>
      </c>
      <c r="V172" s="3" t="s">
        <v>37</v>
      </c>
    </row>
    <row r="173" spans="1:22" x14ac:dyDescent="0.25">
      <c r="A173" s="3" t="s">
        <v>22</v>
      </c>
      <c r="B173" s="4" t="s">
        <v>635</v>
      </c>
      <c r="C173" s="3" t="s">
        <v>636</v>
      </c>
      <c r="D173" s="5" t="s">
        <v>672</v>
      </c>
      <c r="E173" s="3" t="s">
        <v>70</v>
      </c>
      <c r="F173" s="3" t="s">
        <v>673</v>
      </c>
      <c r="G173" s="3" t="s">
        <v>226</v>
      </c>
      <c r="H173" s="3" t="s">
        <v>29</v>
      </c>
      <c r="I173" s="3" t="s">
        <v>37</v>
      </c>
      <c r="J173" s="3" t="s">
        <v>674</v>
      </c>
      <c r="K173" s="3" t="s">
        <v>32</v>
      </c>
      <c r="L173" s="3" t="s">
        <v>33</v>
      </c>
      <c r="M173" s="3" t="s">
        <v>74</v>
      </c>
      <c r="N173" s="3" t="s">
        <v>75</v>
      </c>
      <c r="O173" s="3" t="s">
        <v>53</v>
      </c>
      <c r="P173" s="3" t="s">
        <v>37</v>
      </c>
      <c r="Q173" s="3" t="s">
        <v>37</v>
      </c>
      <c r="R173" s="3" t="s">
        <v>39</v>
      </c>
      <c r="S173" s="3" t="s">
        <v>675</v>
      </c>
      <c r="T173" s="3" t="s">
        <v>282</v>
      </c>
      <c r="U173" s="3" t="s">
        <v>37</v>
      </c>
      <c r="V173" s="3" t="s">
        <v>37</v>
      </c>
    </row>
    <row r="174" spans="1:22" x14ac:dyDescent="0.25">
      <c r="A174" s="3" t="s">
        <v>22</v>
      </c>
      <c r="B174" s="4" t="s">
        <v>635</v>
      </c>
      <c r="C174" s="3" t="s">
        <v>636</v>
      </c>
      <c r="D174" s="5" t="s">
        <v>676</v>
      </c>
      <c r="E174" s="3" t="s">
        <v>677</v>
      </c>
      <c r="F174" s="3" t="s">
        <v>37</v>
      </c>
      <c r="G174" s="3" t="s">
        <v>37</v>
      </c>
      <c r="H174" s="3" t="s">
        <v>37</v>
      </c>
      <c r="I174" s="3" t="s">
        <v>37</v>
      </c>
      <c r="J174" s="3" t="s">
        <v>678</v>
      </c>
      <c r="K174" s="3" t="s">
        <v>81</v>
      </c>
      <c r="L174" s="3" t="s">
        <v>82</v>
      </c>
      <c r="M174" s="3" t="s">
        <v>74</v>
      </c>
      <c r="N174" s="3" t="s">
        <v>181</v>
      </c>
      <c r="O174" s="3" t="s">
        <v>37</v>
      </c>
      <c r="P174" s="3" t="s">
        <v>37</v>
      </c>
      <c r="Q174" s="3" t="s">
        <v>37</v>
      </c>
      <c r="R174" s="3" t="s">
        <v>39</v>
      </c>
      <c r="S174" s="3" t="s">
        <v>679</v>
      </c>
      <c r="T174" s="3"/>
      <c r="U174" s="3" t="s">
        <v>37</v>
      </c>
      <c r="V174" s="3" t="s">
        <v>37</v>
      </c>
    </row>
    <row r="175" spans="1:22" x14ac:dyDescent="0.25">
      <c r="A175" s="3" t="s">
        <v>22</v>
      </c>
      <c r="B175" s="4" t="s">
        <v>635</v>
      </c>
      <c r="C175" s="3" t="s">
        <v>636</v>
      </c>
      <c r="D175" s="5" t="s">
        <v>680</v>
      </c>
      <c r="E175" s="3" t="s">
        <v>130</v>
      </c>
      <c r="F175" s="3" t="s">
        <v>681</v>
      </c>
      <c r="G175" s="3" t="s">
        <v>359</v>
      </c>
      <c r="H175" s="3" t="s">
        <v>29</v>
      </c>
      <c r="I175" s="3" t="s">
        <v>324</v>
      </c>
      <c r="J175" s="3" t="s">
        <v>682</v>
      </c>
      <c r="K175" s="3" t="s">
        <v>32</v>
      </c>
      <c r="L175" s="3" t="s">
        <v>33</v>
      </c>
      <c r="M175" s="3" t="s">
        <v>74</v>
      </c>
      <c r="N175" s="3" t="s">
        <v>153</v>
      </c>
      <c r="O175" s="3" t="s">
        <v>53</v>
      </c>
      <c r="P175" s="3" t="s">
        <v>37</v>
      </c>
      <c r="Q175" s="3" t="s">
        <v>37</v>
      </c>
      <c r="R175" s="3" t="s">
        <v>39</v>
      </c>
      <c r="S175" s="3" t="s">
        <v>683</v>
      </c>
      <c r="T175" s="3"/>
      <c r="U175" s="3" t="s">
        <v>37</v>
      </c>
      <c r="V175" s="3" t="s">
        <v>327</v>
      </c>
    </row>
    <row r="176" spans="1:22" x14ac:dyDescent="0.25">
      <c r="A176" s="3" t="s">
        <v>22</v>
      </c>
      <c r="B176" s="4" t="s">
        <v>635</v>
      </c>
      <c r="C176" s="3" t="s">
        <v>636</v>
      </c>
      <c r="D176" s="5" t="s">
        <v>684</v>
      </c>
      <c r="E176" s="3" t="s">
        <v>130</v>
      </c>
      <c r="F176" s="3" t="s">
        <v>685</v>
      </c>
      <c r="G176" s="3" t="s">
        <v>232</v>
      </c>
      <c r="H176" s="3" t="s">
        <v>29</v>
      </c>
      <c r="I176" s="3" t="s">
        <v>324</v>
      </c>
      <c r="J176" s="3" t="s">
        <v>686</v>
      </c>
      <c r="K176" s="3" t="s">
        <v>32</v>
      </c>
      <c r="L176" s="3" t="s">
        <v>33</v>
      </c>
      <c r="M176" s="3" t="s">
        <v>74</v>
      </c>
      <c r="N176" s="3" t="s">
        <v>153</v>
      </c>
      <c r="O176" s="3" t="s">
        <v>53</v>
      </c>
      <c r="P176" s="3" t="s">
        <v>37</v>
      </c>
      <c r="Q176" s="3" t="s">
        <v>37</v>
      </c>
      <c r="R176" s="3" t="s">
        <v>39</v>
      </c>
      <c r="S176" s="3" t="s">
        <v>687</v>
      </c>
      <c r="T176" s="3"/>
      <c r="U176" s="3" t="s">
        <v>37</v>
      </c>
      <c r="V176" s="3" t="s">
        <v>327</v>
      </c>
    </row>
    <row r="177" spans="1:22" x14ac:dyDescent="0.25">
      <c r="A177" s="3" t="s">
        <v>22</v>
      </c>
      <c r="B177" s="4" t="s">
        <v>635</v>
      </c>
      <c r="C177" s="3" t="s">
        <v>636</v>
      </c>
      <c r="D177" s="5" t="s">
        <v>148</v>
      </c>
      <c r="E177" s="3" t="s">
        <v>130</v>
      </c>
      <c r="F177" s="3" t="s">
        <v>688</v>
      </c>
      <c r="G177" s="3" t="s">
        <v>58</v>
      </c>
      <c r="H177" s="3" t="s">
        <v>29</v>
      </c>
      <c r="I177" s="3" t="s">
        <v>324</v>
      </c>
      <c r="J177" s="3" t="s">
        <v>689</v>
      </c>
      <c r="K177" s="3" t="s">
        <v>32</v>
      </c>
      <c r="L177" s="3" t="s">
        <v>33</v>
      </c>
      <c r="M177" s="3" t="s">
        <v>74</v>
      </c>
      <c r="N177" s="3" t="s">
        <v>153</v>
      </c>
      <c r="O177" s="3" t="s">
        <v>53</v>
      </c>
      <c r="P177" s="3" t="s">
        <v>37</v>
      </c>
      <c r="Q177" s="3" t="s">
        <v>37</v>
      </c>
      <c r="R177" s="3" t="s">
        <v>39</v>
      </c>
      <c r="S177" s="3" t="s">
        <v>690</v>
      </c>
      <c r="T177" s="3"/>
      <c r="U177" s="3" t="s">
        <v>37</v>
      </c>
      <c r="V177" s="3" t="s">
        <v>327</v>
      </c>
    </row>
    <row r="178" spans="1:22" x14ac:dyDescent="0.25">
      <c r="A178" s="3" t="s">
        <v>22</v>
      </c>
      <c r="B178" s="4" t="s">
        <v>635</v>
      </c>
      <c r="C178" s="3" t="s">
        <v>636</v>
      </c>
      <c r="D178" s="5" t="s">
        <v>160</v>
      </c>
      <c r="E178" s="3" t="s">
        <v>62</v>
      </c>
      <c r="F178" s="3" t="s">
        <v>691</v>
      </c>
      <c r="G178" s="3" t="s">
        <v>692</v>
      </c>
      <c r="H178" s="3" t="s">
        <v>88</v>
      </c>
      <c r="I178" s="3" t="s">
        <v>474</v>
      </c>
      <c r="J178" s="3" t="s">
        <v>693</v>
      </c>
      <c r="K178" s="3" t="s">
        <v>32</v>
      </c>
      <c r="L178" s="3" t="s">
        <v>33</v>
      </c>
      <c r="M178" s="3" t="s">
        <v>34</v>
      </c>
      <c r="N178" s="3" t="s">
        <v>296</v>
      </c>
      <c r="O178" s="3" t="s">
        <v>67</v>
      </c>
      <c r="P178" s="3" t="s">
        <v>37</v>
      </c>
      <c r="Q178" s="3" t="s">
        <v>37</v>
      </c>
      <c r="R178" s="3" t="s">
        <v>39</v>
      </c>
      <c r="S178" s="3" t="s">
        <v>694</v>
      </c>
      <c r="T178" s="3"/>
      <c r="U178" s="3" t="s">
        <v>37</v>
      </c>
      <c r="V178" s="3" t="s">
        <v>37</v>
      </c>
    </row>
    <row r="179" spans="1:22" x14ac:dyDescent="0.25">
      <c r="A179" s="3" t="s">
        <v>22</v>
      </c>
      <c r="B179" s="4" t="s">
        <v>635</v>
      </c>
      <c r="C179" s="3" t="s">
        <v>636</v>
      </c>
      <c r="D179" s="5" t="s">
        <v>164</v>
      </c>
      <c r="E179" s="3" t="s">
        <v>47</v>
      </c>
      <c r="F179" s="3" t="s">
        <v>695</v>
      </c>
      <c r="G179" s="3" t="s">
        <v>696</v>
      </c>
      <c r="H179" s="3" t="s">
        <v>133</v>
      </c>
      <c r="I179" s="3" t="s">
        <v>50</v>
      </c>
      <c r="J179" s="3" t="s">
        <v>697</v>
      </c>
      <c r="K179" s="3" t="s">
        <v>32</v>
      </c>
      <c r="L179" s="3" t="s">
        <v>33</v>
      </c>
      <c r="M179" s="3" t="s">
        <v>34</v>
      </c>
      <c r="N179" s="3" t="s">
        <v>296</v>
      </c>
      <c r="O179" s="3" t="s">
        <v>53</v>
      </c>
      <c r="P179" s="3" t="s">
        <v>37</v>
      </c>
      <c r="Q179" s="3" t="s">
        <v>37</v>
      </c>
      <c r="R179" s="3" t="s">
        <v>39</v>
      </c>
      <c r="S179" s="3" t="s">
        <v>698</v>
      </c>
      <c r="T179" s="3"/>
      <c r="U179" s="3" t="s">
        <v>37</v>
      </c>
      <c r="V179" s="3" t="s">
        <v>37</v>
      </c>
    </row>
    <row r="180" spans="1:22" x14ac:dyDescent="0.25">
      <c r="A180" s="3" t="s">
        <v>22</v>
      </c>
      <c r="B180" s="4" t="s">
        <v>635</v>
      </c>
      <c r="C180" s="3" t="s">
        <v>636</v>
      </c>
      <c r="D180" s="5" t="s">
        <v>171</v>
      </c>
      <c r="E180" s="3" t="s">
        <v>47</v>
      </c>
      <c r="F180" s="3" t="s">
        <v>699</v>
      </c>
      <c r="G180" s="3" t="s">
        <v>488</v>
      </c>
      <c r="H180" s="3" t="s">
        <v>133</v>
      </c>
      <c r="I180" s="3" t="s">
        <v>50</v>
      </c>
      <c r="J180" s="3" t="s">
        <v>700</v>
      </c>
      <c r="K180" s="3" t="s">
        <v>32</v>
      </c>
      <c r="L180" s="3" t="s">
        <v>33</v>
      </c>
      <c r="M180" s="3" t="s">
        <v>34</v>
      </c>
      <c r="N180" s="3" t="s">
        <v>296</v>
      </c>
      <c r="O180" s="3" t="s">
        <v>53</v>
      </c>
      <c r="P180" s="3" t="s">
        <v>54</v>
      </c>
      <c r="Q180" s="3" t="s">
        <v>37</v>
      </c>
      <c r="R180" s="3" t="s">
        <v>39</v>
      </c>
      <c r="S180" s="3" t="s">
        <v>701</v>
      </c>
      <c r="T180" s="3"/>
      <c r="U180" s="3" t="s">
        <v>37</v>
      </c>
      <c r="V180" s="3" t="s">
        <v>37</v>
      </c>
    </row>
    <row r="181" spans="1:22" x14ac:dyDescent="0.25">
      <c r="A181" s="3" t="s">
        <v>22</v>
      </c>
      <c r="B181" s="4" t="s">
        <v>635</v>
      </c>
      <c r="C181" s="3" t="s">
        <v>636</v>
      </c>
      <c r="D181" s="5" t="s">
        <v>177</v>
      </c>
      <c r="E181" s="3" t="s">
        <v>450</v>
      </c>
      <c r="F181" s="3" t="s">
        <v>702</v>
      </c>
      <c r="G181" s="3" t="s">
        <v>191</v>
      </c>
      <c r="H181" s="3" t="s">
        <v>133</v>
      </c>
      <c r="I181" s="3" t="s">
        <v>37</v>
      </c>
      <c r="J181" s="3" t="s">
        <v>37</v>
      </c>
      <c r="K181" s="3" t="s">
        <v>32</v>
      </c>
      <c r="L181" s="3" t="s">
        <v>33</v>
      </c>
      <c r="M181" s="3" t="s">
        <v>386</v>
      </c>
      <c r="N181" s="3" t="s">
        <v>75</v>
      </c>
      <c r="O181" s="3" t="s">
        <v>53</v>
      </c>
      <c r="P181" s="3" t="s">
        <v>37</v>
      </c>
      <c r="Q181" s="3" t="s">
        <v>37</v>
      </c>
      <c r="R181" s="3" t="s">
        <v>39</v>
      </c>
      <c r="S181" s="3" t="s">
        <v>703</v>
      </c>
      <c r="T181" s="3"/>
      <c r="U181" s="3" t="s">
        <v>37</v>
      </c>
      <c r="V181" s="3" t="s">
        <v>37</v>
      </c>
    </row>
    <row r="182" spans="1:22" x14ac:dyDescent="0.25">
      <c r="A182" s="3" t="s">
        <v>22</v>
      </c>
      <c r="B182" s="4" t="s">
        <v>635</v>
      </c>
      <c r="C182" s="3" t="s">
        <v>636</v>
      </c>
      <c r="D182" s="5" t="s">
        <v>348</v>
      </c>
      <c r="E182" s="3" t="s">
        <v>450</v>
      </c>
      <c r="F182" s="3" t="s">
        <v>704</v>
      </c>
      <c r="G182" s="3" t="s">
        <v>197</v>
      </c>
      <c r="H182" s="3" t="s">
        <v>133</v>
      </c>
      <c r="I182" s="3" t="s">
        <v>37</v>
      </c>
      <c r="J182" s="3" t="s">
        <v>705</v>
      </c>
      <c r="K182" s="3" t="s">
        <v>32</v>
      </c>
      <c r="L182" s="3" t="s">
        <v>33</v>
      </c>
      <c r="M182" s="3" t="s">
        <v>386</v>
      </c>
      <c r="N182" s="3" t="s">
        <v>75</v>
      </c>
      <c r="O182" s="3" t="s">
        <v>37</v>
      </c>
      <c r="P182" s="3" t="s">
        <v>37</v>
      </c>
      <c r="Q182" s="3" t="s">
        <v>37</v>
      </c>
      <c r="R182" s="3" t="s">
        <v>39</v>
      </c>
      <c r="S182" s="3" t="s">
        <v>706</v>
      </c>
      <c r="T182" s="3"/>
      <c r="U182" s="3" t="s">
        <v>37</v>
      </c>
      <c r="V182" s="3" t="s">
        <v>37</v>
      </c>
    </row>
    <row r="183" spans="1:22" x14ac:dyDescent="0.25">
      <c r="A183" s="3" t="s">
        <v>22</v>
      </c>
      <c r="B183" s="4" t="s">
        <v>635</v>
      </c>
      <c r="C183" s="3" t="s">
        <v>636</v>
      </c>
      <c r="D183" s="5" t="s">
        <v>183</v>
      </c>
      <c r="E183" s="3" t="s">
        <v>47</v>
      </c>
      <c r="F183" s="3" t="s">
        <v>559</v>
      </c>
      <c r="G183" s="3" t="s">
        <v>435</v>
      </c>
      <c r="H183" s="3" t="s">
        <v>88</v>
      </c>
      <c r="I183" s="3" t="s">
        <v>50</v>
      </c>
      <c r="J183" s="3" t="s">
        <v>560</v>
      </c>
      <c r="K183" s="3" t="s">
        <v>32</v>
      </c>
      <c r="L183" s="3" t="s">
        <v>33</v>
      </c>
      <c r="M183" s="3" t="s">
        <v>34</v>
      </c>
      <c r="N183" s="3" t="s">
        <v>75</v>
      </c>
      <c r="O183" s="3" t="s">
        <v>53</v>
      </c>
      <c r="P183" s="3" t="s">
        <v>54</v>
      </c>
      <c r="Q183" s="3" t="s">
        <v>37</v>
      </c>
      <c r="R183" s="3" t="s">
        <v>39</v>
      </c>
      <c r="S183" s="3" t="s">
        <v>561</v>
      </c>
      <c r="T183" s="3"/>
      <c r="U183" s="3" t="s">
        <v>37</v>
      </c>
      <c r="V183" s="3" t="s">
        <v>37</v>
      </c>
    </row>
    <row r="184" spans="1:22" x14ac:dyDescent="0.25">
      <c r="A184" s="3" t="s">
        <v>22</v>
      </c>
      <c r="B184" s="4" t="s">
        <v>635</v>
      </c>
      <c r="C184" s="3" t="s">
        <v>636</v>
      </c>
      <c r="D184" s="5" t="s">
        <v>189</v>
      </c>
      <c r="E184" s="3" t="s">
        <v>47</v>
      </c>
      <c r="F184" s="3" t="s">
        <v>463</v>
      </c>
      <c r="G184" s="3" t="s">
        <v>29</v>
      </c>
      <c r="H184" s="3" t="s">
        <v>29</v>
      </c>
      <c r="I184" s="3" t="s">
        <v>50</v>
      </c>
      <c r="J184" s="3" t="s">
        <v>464</v>
      </c>
      <c r="K184" s="3" t="s">
        <v>32</v>
      </c>
      <c r="L184" s="3" t="s">
        <v>33</v>
      </c>
      <c r="M184" s="3" t="s">
        <v>34</v>
      </c>
      <c r="N184" s="3" t="s">
        <v>52</v>
      </c>
      <c r="O184" s="3" t="s">
        <v>53</v>
      </c>
      <c r="P184" s="3" t="s">
        <v>54</v>
      </c>
      <c r="Q184" s="3" t="s">
        <v>38</v>
      </c>
      <c r="R184" s="3" t="s">
        <v>39</v>
      </c>
      <c r="S184" s="3" t="s">
        <v>465</v>
      </c>
      <c r="T184" s="3"/>
      <c r="U184" s="3" t="s">
        <v>37</v>
      </c>
      <c r="V184" s="3" t="s">
        <v>37</v>
      </c>
    </row>
    <row r="185" spans="1:22" x14ac:dyDescent="0.25">
      <c r="A185" s="3" t="s">
        <v>22</v>
      </c>
      <c r="B185" s="4" t="s">
        <v>635</v>
      </c>
      <c r="C185" s="3" t="s">
        <v>636</v>
      </c>
      <c r="D185" s="5" t="s">
        <v>195</v>
      </c>
      <c r="E185" s="3" t="s">
        <v>47</v>
      </c>
      <c r="F185" s="3" t="s">
        <v>467</v>
      </c>
      <c r="G185" s="3" t="s">
        <v>133</v>
      </c>
      <c r="H185" s="3" t="s">
        <v>29</v>
      </c>
      <c r="I185" s="3" t="s">
        <v>707</v>
      </c>
      <c r="J185" s="3" t="s">
        <v>469</v>
      </c>
      <c r="K185" s="3" t="s">
        <v>32</v>
      </c>
      <c r="L185" s="3" t="s">
        <v>33</v>
      </c>
      <c r="M185" s="3" t="s">
        <v>34</v>
      </c>
      <c r="N185" s="3" t="s">
        <v>52</v>
      </c>
      <c r="O185" s="3" t="s">
        <v>53</v>
      </c>
      <c r="P185" s="3" t="s">
        <v>54</v>
      </c>
      <c r="Q185" s="3" t="s">
        <v>38</v>
      </c>
      <c r="R185" s="3" t="s">
        <v>39</v>
      </c>
      <c r="S185" s="3" t="s">
        <v>470</v>
      </c>
      <c r="T185" s="3"/>
      <c r="U185" s="3" t="s">
        <v>37</v>
      </c>
      <c r="V185" s="3" t="s">
        <v>37</v>
      </c>
    </row>
    <row r="186" spans="1:22" x14ac:dyDescent="0.25">
      <c r="A186" s="3" t="s">
        <v>22</v>
      </c>
      <c r="B186" s="4" t="s">
        <v>635</v>
      </c>
      <c r="C186" s="3" t="s">
        <v>636</v>
      </c>
      <c r="D186" s="5" t="s">
        <v>201</v>
      </c>
      <c r="E186" s="3" t="s">
        <v>165</v>
      </c>
      <c r="F186" s="3" t="s">
        <v>708</v>
      </c>
      <c r="G186" s="3" t="s">
        <v>345</v>
      </c>
      <c r="H186" s="3" t="s">
        <v>88</v>
      </c>
      <c r="I186" s="3" t="s">
        <v>37</v>
      </c>
      <c r="J186" s="3" t="s">
        <v>709</v>
      </c>
      <c r="K186" s="3" t="s">
        <v>32</v>
      </c>
      <c r="L186" s="3" t="s">
        <v>33</v>
      </c>
      <c r="M186" s="3" t="s">
        <v>74</v>
      </c>
      <c r="N186" s="3" t="s">
        <v>234</v>
      </c>
      <c r="O186" s="3" t="s">
        <v>53</v>
      </c>
      <c r="P186" s="3" t="s">
        <v>54</v>
      </c>
      <c r="Q186" s="3" t="s">
        <v>37</v>
      </c>
      <c r="R186" s="3" t="s">
        <v>39</v>
      </c>
      <c r="S186" s="3" t="s">
        <v>710</v>
      </c>
      <c r="T186" s="3"/>
      <c r="U186" s="3" t="s">
        <v>37</v>
      </c>
      <c r="V186" s="3" t="s">
        <v>37</v>
      </c>
    </row>
    <row r="187" spans="1:22" x14ac:dyDescent="0.25">
      <c r="A187" s="3" t="s">
        <v>22</v>
      </c>
      <c r="B187" s="4" t="s">
        <v>635</v>
      </c>
      <c r="C187" s="3" t="s">
        <v>636</v>
      </c>
      <c r="D187" s="5" t="s">
        <v>205</v>
      </c>
      <c r="E187" s="3" t="s">
        <v>165</v>
      </c>
      <c r="F187" s="3" t="s">
        <v>711</v>
      </c>
      <c r="G187" s="3" t="s">
        <v>350</v>
      </c>
      <c r="H187" s="3" t="s">
        <v>88</v>
      </c>
      <c r="I187" s="3" t="s">
        <v>37</v>
      </c>
      <c r="J187" s="3" t="s">
        <v>712</v>
      </c>
      <c r="K187" s="3" t="s">
        <v>32</v>
      </c>
      <c r="L187" s="3" t="s">
        <v>33</v>
      </c>
      <c r="M187" s="3" t="s">
        <v>74</v>
      </c>
      <c r="N187" s="3" t="s">
        <v>234</v>
      </c>
      <c r="O187" s="3" t="s">
        <v>53</v>
      </c>
      <c r="P187" s="3" t="s">
        <v>54</v>
      </c>
      <c r="Q187" s="3" t="s">
        <v>37</v>
      </c>
      <c r="R187" s="3" t="s">
        <v>39</v>
      </c>
      <c r="S187" s="3" t="s">
        <v>713</v>
      </c>
      <c r="T187" s="3"/>
      <c r="U187" s="3" t="s">
        <v>37</v>
      </c>
      <c r="V187" s="3" t="s">
        <v>37</v>
      </c>
    </row>
    <row r="188" spans="1:22" x14ac:dyDescent="0.25">
      <c r="A188" s="3" t="s">
        <v>22</v>
      </c>
      <c r="B188" s="4" t="s">
        <v>635</v>
      </c>
      <c r="C188" s="3" t="s">
        <v>636</v>
      </c>
      <c r="D188" s="5" t="s">
        <v>494</v>
      </c>
      <c r="E188" s="3" t="s">
        <v>495</v>
      </c>
      <c r="F188" s="3" t="s">
        <v>714</v>
      </c>
      <c r="G188" s="3" t="s">
        <v>173</v>
      </c>
      <c r="H188" s="3" t="s">
        <v>133</v>
      </c>
      <c r="I188" s="3" t="s">
        <v>497</v>
      </c>
      <c r="J188" s="3" t="s">
        <v>715</v>
      </c>
      <c r="K188" s="3" t="s">
        <v>32</v>
      </c>
      <c r="L188" s="3" t="s">
        <v>37</v>
      </c>
      <c r="M188" s="3" t="s">
        <v>34</v>
      </c>
      <c r="N188" s="3" t="s">
        <v>153</v>
      </c>
      <c r="O188" s="3" t="s">
        <v>105</v>
      </c>
      <c r="P188" s="3" t="s">
        <v>37</v>
      </c>
      <c r="Q188" s="3" t="s">
        <v>37</v>
      </c>
      <c r="R188" s="3" t="s">
        <v>39</v>
      </c>
      <c r="S188" s="3" t="s">
        <v>716</v>
      </c>
      <c r="T188" s="3"/>
      <c r="U188" s="3" t="s">
        <v>37</v>
      </c>
      <c r="V188" s="3" t="s">
        <v>37</v>
      </c>
    </row>
    <row r="189" spans="1:22" x14ac:dyDescent="0.25">
      <c r="A189" s="3" t="s">
        <v>22</v>
      </c>
      <c r="B189" s="4" t="s">
        <v>635</v>
      </c>
      <c r="C189" s="3" t="s">
        <v>636</v>
      </c>
      <c r="D189" s="5" t="s">
        <v>500</v>
      </c>
      <c r="E189" s="3" t="s">
        <v>495</v>
      </c>
      <c r="F189" s="3" t="s">
        <v>717</v>
      </c>
      <c r="G189" s="3" t="s">
        <v>341</v>
      </c>
      <c r="H189" s="3" t="s">
        <v>133</v>
      </c>
      <c r="I189" s="3" t="s">
        <v>497</v>
      </c>
      <c r="J189" s="3" t="s">
        <v>718</v>
      </c>
      <c r="K189" s="3" t="s">
        <v>32</v>
      </c>
      <c r="L189" s="3" t="s">
        <v>37</v>
      </c>
      <c r="M189" s="3" t="s">
        <v>34</v>
      </c>
      <c r="N189" s="3" t="s">
        <v>153</v>
      </c>
      <c r="O189" s="3" t="s">
        <v>105</v>
      </c>
      <c r="P189" s="3" t="s">
        <v>37</v>
      </c>
      <c r="Q189" s="3" t="s">
        <v>37</v>
      </c>
      <c r="R189" s="3" t="s">
        <v>39</v>
      </c>
      <c r="S189" s="3" t="s">
        <v>719</v>
      </c>
      <c r="T189" s="3"/>
      <c r="U189" s="3" t="s">
        <v>37</v>
      </c>
      <c r="V189" s="3" t="s">
        <v>37</v>
      </c>
    </row>
    <row r="190" spans="1:22" x14ac:dyDescent="0.25">
      <c r="A190" s="3" t="s">
        <v>22</v>
      </c>
      <c r="B190" s="4" t="s">
        <v>635</v>
      </c>
      <c r="C190" s="3" t="s">
        <v>636</v>
      </c>
      <c r="D190" s="5" t="s">
        <v>220</v>
      </c>
      <c r="E190" s="3" t="s">
        <v>184</v>
      </c>
      <c r="F190" s="3" t="s">
        <v>720</v>
      </c>
      <c r="G190" s="3" t="s">
        <v>309</v>
      </c>
      <c r="H190" s="3" t="s">
        <v>133</v>
      </c>
      <c r="I190" s="3" t="s">
        <v>721</v>
      </c>
      <c r="J190" s="3" t="s">
        <v>722</v>
      </c>
      <c r="K190" s="3" t="s">
        <v>32</v>
      </c>
      <c r="L190" s="3" t="s">
        <v>82</v>
      </c>
      <c r="M190" s="3" t="s">
        <v>74</v>
      </c>
      <c r="N190" s="3" t="s">
        <v>296</v>
      </c>
      <c r="O190" s="3" t="s">
        <v>53</v>
      </c>
      <c r="P190" s="3" t="s">
        <v>37</v>
      </c>
      <c r="Q190" s="3" t="s">
        <v>37</v>
      </c>
      <c r="R190" s="3" t="s">
        <v>39</v>
      </c>
      <c r="S190" s="3" t="s">
        <v>723</v>
      </c>
      <c r="T190" s="3"/>
      <c r="U190" s="3" t="s">
        <v>37</v>
      </c>
      <c r="V190" s="3" t="s">
        <v>37</v>
      </c>
    </row>
    <row r="191" spans="1:22" x14ac:dyDescent="0.25">
      <c r="A191" s="3" t="s">
        <v>22</v>
      </c>
      <c r="B191" s="4" t="s">
        <v>635</v>
      </c>
      <c r="C191" s="3" t="s">
        <v>636</v>
      </c>
      <c r="D191" s="5" t="s">
        <v>224</v>
      </c>
      <c r="E191" s="3" t="s">
        <v>184</v>
      </c>
      <c r="F191" s="3" t="s">
        <v>724</v>
      </c>
      <c r="G191" s="3" t="s">
        <v>514</v>
      </c>
      <c r="H191" s="3" t="s">
        <v>133</v>
      </c>
      <c r="I191" s="3" t="s">
        <v>725</v>
      </c>
      <c r="J191" s="3" t="s">
        <v>726</v>
      </c>
      <c r="K191" s="3" t="s">
        <v>32</v>
      </c>
      <c r="L191" s="3" t="s">
        <v>82</v>
      </c>
      <c r="M191" s="3" t="s">
        <v>74</v>
      </c>
      <c r="N191" s="3" t="s">
        <v>296</v>
      </c>
      <c r="O191" s="3" t="s">
        <v>53</v>
      </c>
      <c r="P191" s="3" t="s">
        <v>37</v>
      </c>
      <c r="Q191" s="3" t="s">
        <v>37</v>
      </c>
      <c r="R191" s="3" t="s">
        <v>39</v>
      </c>
      <c r="S191" s="3" t="s">
        <v>727</v>
      </c>
      <c r="T191" s="3"/>
      <c r="U191" s="3" t="s">
        <v>37</v>
      </c>
      <c r="V191" s="3" t="s">
        <v>37</v>
      </c>
    </row>
    <row r="192" spans="1:22" x14ac:dyDescent="0.25">
      <c r="A192" s="3" t="s">
        <v>22</v>
      </c>
      <c r="B192" s="4" t="s">
        <v>635</v>
      </c>
      <c r="C192" s="3" t="s">
        <v>636</v>
      </c>
      <c r="D192" s="5" t="s">
        <v>229</v>
      </c>
      <c r="E192" s="3" t="s">
        <v>509</v>
      </c>
      <c r="F192" s="3" t="s">
        <v>728</v>
      </c>
      <c r="G192" s="3" t="s">
        <v>167</v>
      </c>
      <c r="H192" s="3" t="s">
        <v>133</v>
      </c>
      <c r="I192" s="3" t="s">
        <v>37</v>
      </c>
      <c r="J192" s="3" t="s">
        <v>729</v>
      </c>
      <c r="K192" s="3" t="s">
        <v>32</v>
      </c>
      <c r="L192" s="3" t="s">
        <v>82</v>
      </c>
      <c r="M192" s="3" t="s">
        <v>74</v>
      </c>
      <c r="N192" s="3" t="s">
        <v>234</v>
      </c>
      <c r="O192" s="3" t="s">
        <v>53</v>
      </c>
      <c r="P192" s="3" t="s">
        <v>54</v>
      </c>
      <c r="Q192" s="3" t="s">
        <v>37</v>
      </c>
      <c r="R192" s="3" t="s">
        <v>39</v>
      </c>
      <c r="S192" s="3" t="s">
        <v>730</v>
      </c>
      <c r="T192" s="3"/>
      <c r="U192" s="3" t="s">
        <v>37</v>
      </c>
      <c r="V192" s="3" t="s">
        <v>37</v>
      </c>
    </row>
    <row r="193" spans="1:22" x14ac:dyDescent="0.25">
      <c r="A193" s="3" t="s">
        <v>22</v>
      </c>
      <c r="B193" s="4" t="s">
        <v>635</v>
      </c>
      <c r="C193" s="3" t="s">
        <v>636</v>
      </c>
      <c r="D193" s="5" t="s">
        <v>236</v>
      </c>
      <c r="E193" s="3" t="s">
        <v>509</v>
      </c>
      <c r="F193" s="3" t="s">
        <v>731</v>
      </c>
      <c r="G193" s="3" t="s">
        <v>732</v>
      </c>
      <c r="H193" s="3" t="s">
        <v>133</v>
      </c>
      <c r="I193" s="3" t="s">
        <v>37</v>
      </c>
      <c r="J193" s="3" t="s">
        <v>733</v>
      </c>
      <c r="K193" s="3" t="s">
        <v>32</v>
      </c>
      <c r="L193" s="3" t="s">
        <v>82</v>
      </c>
      <c r="M193" s="3" t="s">
        <v>74</v>
      </c>
      <c r="N193" s="3" t="s">
        <v>234</v>
      </c>
      <c r="O193" s="3" t="s">
        <v>36</v>
      </c>
      <c r="P193" s="3" t="s">
        <v>54</v>
      </c>
      <c r="Q193" s="3" t="s">
        <v>37</v>
      </c>
      <c r="R193" s="3" t="s">
        <v>39</v>
      </c>
      <c r="S193" s="3" t="s">
        <v>734</v>
      </c>
      <c r="T193" s="3"/>
      <c r="U193" s="3" t="s">
        <v>37</v>
      </c>
      <c r="V193" s="3" t="s">
        <v>37</v>
      </c>
    </row>
    <row r="194" spans="1:22" x14ac:dyDescent="0.25">
      <c r="A194" s="3" t="s">
        <v>22</v>
      </c>
      <c r="B194" s="4" t="s">
        <v>635</v>
      </c>
      <c r="C194" s="3" t="s">
        <v>636</v>
      </c>
      <c r="D194" s="5" t="s">
        <v>240</v>
      </c>
      <c r="E194" s="3" t="s">
        <v>517</v>
      </c>
      <c r="F194" s="3" t="s">
        <v>735</v>
      </c>
      <c r="G194" s="3" t="s">
        <v>736</v>
      </c>
      <c r="H194" s="3" t="s">
        <v>29</v>
      </c>
      <c r="I194" s="3" t="s">
        <v>737</v>
      </c>
      <c r="J194" s="3" t="s">
        <v>738</v>
      </c>
      <c r="K194" s="3" t="s">
        <v>32</v>
      </c>
      <c r="L194" s="3" t="s">
        <v>82</v>
      </c>
      <c r="M194" s="3" t="s">
        <v>522</v>
      </c>
      <c r="N194" s="3" t="s">
        <v>523</v>
      </c>
      <c r="O194" s="3" t="s">
        <v>507</v>
      </c>
      <c r="P194" s="3" t="s">
        <v>54</v>
      </c>
      <c r="Q194" s="3" t="s">
        <v>38</v>
      </c>
      <c r="R194" s="3" t="s">
        <v>39</v>
      </c>
      <c r="S194" s="3" t="s">
        <v>739</v>
      </c>
      <c r="T194" s="3"/>
      <c r="U194" s="3" t="s">
        <v>37</v>
      </c>
      <c r="V194" s="3" t="s">
        <v>37</v>
      </c>
    </row>
    <row r="195" spans="1:22" x14ac:dyDescent="0.25">
      <c r="A195" s="3"/>
      <c r="B195" s="4"/>
      <c r="C195" s="3"/>
      <c r="D195" s="5"/>
      <c r="E195" s="6" t="s">
        <v>249</v>
      </c>
      <c r="F195" s="3"/>
      <c r="G195" s="3"/>
      <c r="H195" s="3"/>
      <c r="I195" s="3"/>
      <c r="J195" s="3"/>
      <c r="K195" s="3"/>
      <c r="L195" s="3"/>
      <c r="M195" s="3"/>
      <c r="N195" s="3"/>
      <c r="O195" s="3"/>
      <c r="P195" s="3"/>
      <c r="Q195" s="3"/>
      <c r="R195" s="3"/>
      <c r="S195" s="3"/>
      <c r="T195" s="3"/>
      <c r="U195" s="3"/>
      <c r="V195" s="3"/>
    </row>
    <row r="196" spans="1:22" x14ac:dyDescent="0.25">
      <c r="A196" s="3"/>
      <c r="B196" s="4"/>
      <c r="C196" s="3"/>
      <c r="D196" s="5"/>
      <c r="E196" s="6"/>
      <c r="F196" s="3"/>
      <c r="G196" s="3"/>
      <c r="H196" s="3"/>
      <c r="I196" s="3"/>
      <c r="J196" s="3"/>
      <c r="K196" s="3"/>
      <c r="L196" s="3"/>
      <c r="M196" s="3"/>
      <c r="N196" s="3"/>
      <c r="O196" s="3"/>
      <c r="P196" s="3"/>
      <c r="Q196" s="3"/>
      <c r="R196" s="3"/>
      <c r="S196" s="3"/>
      <c r="T196" s="3"/>
      <c r="U196" s="3"/>
      <c r="V196" s="3"/>
    </row>
    <row r="197" spans="1:22" x14ac:dyDescent="0.25">
      <c r="A197" s="3" t="s">
        <v>22</v>
      </c>
      <c r="B197" s="4" t="s">
        <v>740</v>
      </c>
      <c r="C197" s="3" t="s">
        <v>741</v>
      </c>
      <c r="D197" s="5" t="s">
        <v>25</v>
      </c>
      <c r="E197" s="3" t="s">
        <v>130</v>
      </c>
      <c r="F197" s="3" t="s">
        <v>685</v>
      </c>
      <c r="G197" s="3" t="s">
        <v>232</v>
      </c>
      <c r="H197" s="3" t="s">
        <v>29</v>
      </c>
      <c r="I197" s="3" t="s">
        <v>324</v>
      </c>
      <c r="J197" s="3" t="s">
        <v>686</v>
      </c>
      <c r="K197" s="3" t="s">
        <v>32</v>
      </c>
      <c r="L197" s="3" t="s">
        <v>33</v>
      </c>
      <c r="M197" s="3" t="s">
        <v>74</v>
      </c>
      <c r="N197" s="3" t="s">
        <v>153</v>
      </c>
      <c r="O197" s="3" t="s">
        <v>53</v>
      </c>
      <c r="P197" s="3" t="s">
        <v>37</v>
      </c>
      <c r="Q197" s="3" t="s">
        <v>37</v>
      </c>
      <c r="R197" s="3" t="s">
        <v>39</v>
      </c>
      <c r="S197" s="3" t="s">
        <v>687</v>
      </c>
      <c r="T197" s="3"/>
      <c r="U197" s="3" t="s">
        <v>37</v>
      </c>
      <c r="V197" s="3" t="s">
        <v>327</v>
      </c>
    </row>
    <row r="198" spans="1:22" x14ac:dyDescent="0.25">
      <c r="A198" s="3" t="s">
        <v>22</v>
      </c>
      <c r="B198" s="4" t="s">
        <v>740</v>
      </c>
      <c r="C198" s="3" t="s">
        <v>741</v>
      </c>
      <c r="D198" s="5" t="s">
        <v>41</v>
      </c>
      <c r="E198" s="3" t="s">
        <v>130</v>
      </c>
      <c r="F198" s="3" t="s">
        <v>688</v>
      </c>
      <c r="G198" s="3" t="s">
        <v>58</v>
      </c>
      <c r="H198" s="3" t="s">
        <v>29</v>
      </c>
      <c r="I198" s="3" t="s">
        <v>324</v>
      </c>
      <c r="J198" s="3" t="s">
        <v>689</v>
      </c>
      <c r="K198" s="3" t="s">
        <v>32</v>
      </c>
      <c r="L198" s="3" t="s">
        <v>33</v>
      </c>
      <c r="M198" s="3" t="s">
        <v>74</v>
      </c>
      <c r="N198" s="3" t="s">
        <v>153</v>
      </c>
      <c r="O198" s="3" t="s">
        <v>53</v>
      </c>
      <c r="P198" s="3" t="s">
        <v>37</v>
      </c>
      <c r="Q198" s="3" t="s">
        <v>37</v>
      </c>
      <c r="R198" s="3" t="s">
        <v>39</v>
      </c>
      <c r="S198" s="3" t="s">
        <v>690</v>
      </c>
      <c r="T198" s="3"/>
      <c r="U198" s="3" t="s">
        <v>37</v>
      </c>
      <c r="V198" s="3" t="s">
        <v>327</v>
      </c>
    </row>
    <row r="199" spans="1:22" x14ac:dyDescent="0.25">
      <c r="A199" s="3" t="s">
        <v>22</v>
      </c>
      <c r="B199" s="4" t="s">
        <v>740</v>
      </c>
      <c r="C199" s="3" t="s">
        <v>741</v>
      </c>
      <c r="D199" s="5" t="s">
        <v>46</v>
      </c>
      <c r="E199" s="3" t="s">
        <v>47</v>
      </c>
      <c r="F199" s="3" t="s">
        <v>97</v>
      </c>
      <c r="G199" s="3" t="s">
        <v>98</v>
      </c>
      <c r="H199" s="3" t="s">
        <v>88</v>
      </c>
      <c r="I199" s="3" t="s">
        <v>50</v>
      </c>
      <c r="J199" s="3" t="s">
        <v>99</v>
      </c>
      <c r="K199" s="3" t="s">
        <v>32</v>
      </c>
      <c r="L199" s="3" t="s">
        <v>33</v>
      </c>
      <c r="M199" s="3" t="s">
        <v>34</v>
      </c>
      <c r="N199" s="3" t="s">
        <v>75</v>
      </c>
      <c r="O199" s="3" t="s">
        <v>53</v>
      </c>
      <c r="P199" s="3" t="s">
        <v>54</v>
      </c>
      <c r="Q199" s="3" t="s">
        <v>37</v>
      </c>
      <c r="R199" s="3" t="s">
        <v>39</v>
      </c>
      <c r="S199" s="3" t="s">
        <v>100</v>
      </c>
      <c r="T199" s="3"/>
      <c r="U199" s="3" t="s">
        <v>37</v>
      </c>
      <c r="V199" s="3" t="s">
        <v>37</v>
      </c>
    </row>
    <row r="200" spans="1:22" x14ac:dyDescent="0.25">
      <c r="A200" s="3" t="s">
        <v>22</v>
      </c>
      <c r="B200" s="4" t="s">
        <v>740</v>
      </c>
      <c r="C200" s="3" t="s">
        <v>741</v>
      </c>
      <c r="D200" s="5" t="s">
        <v>56</v>
      </c>
      <c r="E200" s="3" t="s">
        <v>47</v>
      </c>
      <c r="F200" s="3" t="s">
        <v>600</v>
      </c>
      <c r="G200" s="3" t="s">
        <v>601</v>
      </c>
      <c r="H200" s="3" t="s">
        <v>88</v>
      </c>
      <c r="I200" s="3" t="s">
        <v>50</v>
      </c>
      <c r="J200" s="3" t="s">
        <v>602</v>
      </c>
      <c r="K200" s="3" t="s">
        <v>32</v>
      </c>
      <c r="L200" s="3" t="s">
        <v>33</v>
      </c>
      <c r="M200" s="3" t="s">
        <v>34</v>
      </c>
      <c r="N200" s="3" t="s">
        <v>75</v>
      </c>
      <c r="O200" s="3" t="s">
        <v>53</v>
      </c>
      <c r="P200" s="3" t="s">
        <v>54</v>
      </c>
      <c r="Q200" s="3" t="s">
        <v>37</v>
      </c>
      <c r="R200" s="3" t="s">
        <v>39</v>
      </c>
      <c r="S200" s="3" t="s">
        <v>603</v>
      </c>
      <c r="T200" s="3"/>
      <c r="U200" s="3" t="s">
        <v>37</v>
      </c>
      <c r="V200" s="3" t="s">
        <v>37</v>
      </c>
    </row>
    <row r="201" spans="1:22" x14ac:dyDescent="0.25">
      <c r="A201" s="3" t="s">
        <v>22</v>
      </c>
      <c r="B201" s="4" t="s">
        <v>740</v>
      </c>
      <c r="C201" s="3" t="s">
        <v>741</v>
      </c>
      <c r="D201" s="5" t="s">
        <v>61</v>
      </c>
      <c r="E201" s="3" t="s">
        <v>47</v>
      </c>
      <c r="F201" s="3" t="s">
        <v>559</v>
      </c>
      <c r="G201" s="3" t="s">
        <v>435</v>
      </c>
      <c r="H201" s="3" t="s">
        <v>88</v>
      </c>
      <c r="I201" s="3" t="s">
        <v>50</v>
      </c>
      <c r="J201" s="3" t="s">
        <v>560</v>
      </c>
      <c r="K201" s="3" t="s">
        <v>32</v>
      </c>
      <c r="L201" s="3" t="s">
        <v>33</v>
      </c>
      <c r="M201" s="3" t="s">
        <v>34</v>
      </c>
      <c r="N201" s="3" t="s">
        <v>75</v>
      </c>
      <c r="O201" s="3" t="s">
        <v>53</v>
      </c>
      <c r="P201" s="3" t="s">
        <v>54</v>
      </c>
      <c r="Q201" s="3" t="s">
        <v>37</v>
      </c>
      <c r="R201" s="3" t="s">
        <v>39</v>
      </c>
      <c r="S201" s="3" t="s">
        <v>561</v>
      </c>
      <c r="T201" s="3"/>
      <c r="U201" s="3" t="s">
        <v>37</v>
      </c>
      <c r="V201" s="3" t="s">
        <v>37</v>
      </c>
    </row>
    <row r="202" spans="1:22" x14ac:dyDescent="0.25">
      <c r="A202" s="3" t="s">
        <v>22</v>
      </c>
      <c r="B202" s="4" t="s">
        <v>740</v>
      </c>
      <c r="C202" s="3" t="s">
        <v>741</v>
      </c>
      <c r="D202" s="5" t="s">
        <v>414</v>
      </c>
      <c r="E202" s="3" t="s">
        <v>47</v>
      </c>
      <c r="F202" s="3" t="s">
        <v>463</v>
      </c>
      <c r="G202" s="3" t="s">
        <v>29</v>
      </c>
      <c r="H202" s="3" t="s">
        <v>29</v>
      </c>
      <c r="I202" s="3" t="s">
        <v>50</v>
      </c>
      <c r="J202" s="3" t="s">
        <v>464</v>
      </c>
      <c r="K202" s="3" t="s">
        <v>32</v>
      </c>
      <c r="L202" s="3" t="s">
        <v>33</v>
      </c>
      <c r="M202" s="3" t="s">
        <v>34</v>
      </c>
      <c r="N202" s="3" t="s">
        <v>52</v>
      </c>
      <c r="O202" s="3" t="s">
        <v>53</v>
      </c>
      <c r="P202" s="3" t="s">
        <v>54</v>
      </c>
      <c r="Q202" s="3" t="s">
        <v>38</v>
      </c>
      <c r="R202" s="3" t="s">
        <v>39</v>
      </c>
      <c r="S202" s="3" t="s">
        <v>465</v>
      </c>
      <c r="T202" s="3"/>
      <c r="U202" s="3" t="s">
        <v>37</v>
      </c>
      <c r="V202" s="3" t="s">
        <v>37</v>
      </c>
    </row>
    <row r="203" spans="1:22" x14ac:dyDescent="0.25">
      <c r="A203" s="3" t="s">
        <v>22</v>
      </c>
      <c r="B203" s="4" t="s">
        <v>740</v>
      </c>
      <c r="C203" s="3" t="s">
        <v>741</v>
      </c>
      <c r="D203" s="5" t="s">
        <v>418</v>
      </c>
      <c r="E203" s="3" t="s">
        <v>419</v>
      </c>
      <c r="F203" s="3" t="s">
        <v>742</v>
      </c>
      <c r="G203" s="3" t="s">
        <v>122</v>
      </c>
      <c r="H203" s="3" t="s">
        <v>29</v>
      </c>
      <c r="I203" s="3" t="s">
        <v>426</v>
      </c>
      <c r="J203" s="3" t="s">
        <v>743</v>
      </c>
      <c r="K203" s="3" t="s">
        <v>32</v>
      </c>
      <c r="L203" s="3" t="s">
        <v>33</v>
      </c>
      <c r="M203" s="3" t="s">
        <v>34</v>
      </c>
      <c r="N203" s="3" t="s">
        <v>153</v>
      </c>
      <c r="O203" s="3" t="s">
        <v>36</v>
      </c>
      <c r="P203" s="3" t="s">
        <v>37</v>
      </c>
      <c r="Q203" s="3" t="s">
        <v>37</v>
      </c>
      <c r="R203" s="3" t="s">
        <v>39</v>
      </c>
      <c r="S203" s="3" t="s">
        <v>744</v>
      </c>
      <c r="T203" s="3"/>
      <c r="U203" s="3" t="s">
        <v>37</v>
      </c>
      <c r="V203" s="3" t="s">
        <v>37</v>
      </c>
    </row>
    <row r="204" spans="1:22" x14ac:dyDescent="0.25">
      <c r="A204" s="3" t="s">
        <v>22</v>
      </c>
      <c r="B204" s="4" t="s">
        <v>740</v>
      </c>
      <c r="C204" s="3" t="s">
        <v>741</v>
      </c>
      <c r="D204" s="5" t="s">
        <v>424</v>
      </c>
      <c r="E204" s="3" t="s">
        <v>419</v>
      </c>
      <c r="F204" s="3" t="s">
        <v>745</v>
      </c>
      <c r="G204" s="3" t="s">
        <v>514</v>
      </c>
      <c r="H204" s="3" t="s">
        <v>29</v>
      </c>
      <c r="I204" s="3" t="s">
        <v>426</v>
      </c>
      <c r="J204" s="3" t="s">
        <v>746</v>
      </c>
      <c r="K204" s="3" t="s">
        <v>32</v>
      </c>
      <c r="L204" s="3" t="s">
        <v>33</v>
      </c>
      <c r="M204" s="3" t="s">
        <v>34</v>
      </c>
      <c r="N204" s="3" t="s">
        <v>153</v>
      </c>
      <c r="O204" s="3" t="s">
        <v>36</v>
      </c>
      <c r="P204" s="3" t="s">
        <v>37</v>
      </c>
      <c r="Q204" s="3" t="s">
        <v>37</v>
      </c>
      <c r="R204" s="3" t="s">
        <v>39</v>
      </c>
      <c r="S204" s="3" t="s">
        <v>747</v>
      </c>
      <c r="T204" s="3"/>
      <c r="U204" s="3" t="s">
        <v>37</v>
      </c>
      <c r="V204" s="3" t="s">
        <v>37</v>
      </c>
    </row>
    <row r="205" spans="1:22" x14ac:dyDescent="0.25">
      <c r="A205" s="3" t="s">
        <v>22</v>
      </c>
      <c r="B205" s="4" t="s">
        <v>740</v>
      </c>
      <c r="C205" s="3" t="s">
        <v>741</v>
      </c>
      <c r="D205" s="5" t="s">
        <v>429</v>
      </c>
      <c r="E205" s="3" t="s">
        <v>62</v>
      </c>
      <c r="F205" s="3" t="s">
        <v>748</v>
      </c>
      <c r="G205" s="3" t="s">
        <v>173</v>
      </c>
      <c r="H205" s="3" t="s">
        <v>29</v>
      </c>
      <c r="I205" s="3" t="s">
        <v>65</v>
      </c>
      <c r="J205" s="3" t="s">
        <v>749</v>
      </c>
      <c r="K205" s="3" t="s">
        <v>32</v>
      </c>
      <c r="L205" s="3" t="s">
        <v>33</v>
      </c>
      <c r="M205" s="3" t="s">
        <v>34</v>
      </c>
      <c r="N205" s="3" t="s">
        <v>35</v>
      </c>
      <c r="O205" s="3" t="s">
        <v>67</v>
      </c>
      <c r="P205" s="3" t="s">
        <v>37</v>
      </c>
      <c r="Q205" s="3" t="s">
        <v>38</v>
      </c>
      <c r="R205" s="3" t="s">
        <v>39</v>
      </c>
      <c r="S205" s="3" t="s">
        <v>750</v>
      </c>
      <c r="T205" s="3"/>
      <c r="U205" s="3" t="s">
        <v>37</v>
      </c>
      <c r="V205" s="3" t="s">
        <v>37</v>
      </c>
    </row>
    <row r="206" spans="1:22" x14ac:dyDescent="0.25">
      <c r="A206" s="3" t="s">
        <v>22</v>
      </c>
      <c r="B206" s="4" t="s">
        <v>740</v>
      </c>
      <c r="C206" s="3" t="s">
        <v>741</v>
      </c>
      <c r="D206" s="5" t="s">
        <v>433</v>
      </c>
      <c r="E206" s="3" t="s">
        <v>165</v>
      </c>
      <c r="F206" s="3" t="s">
        <v>751</v>
      </c>
      <c r="G206" s="3" t="s">
        <v>456</v>
      </c>
      <c r="H206" s="3" t="s">
        <v>88</v>
      </c>
      <c r="I206" s="3" t="s">
        <v>37</v>
      </c>
      <c r="J206" s="3" t="s">
        <v>752</v>
      </c>
      <c r="K206" s="3" t="s">
        <v>32</v>
      </c>
      <c r="L206" s="3" t="s">
        <v>33</v>
      </c>
      <c r="M206" s="3" t="s">
        <v>74</v>
      </c>
      <c r="N206" s="3" t="s">
        <v>234</v>
      </c>
      <c r="O206" s="3" t="s">
        <v>53</v>
      </c>
      <c r="P206" s="3" t="s">
        <v>54</v>
      </c>
      <c r="Q206" s="3" t="s">
        <v>37</v>
      </c>
      <c r="R206" s="3" t="s">
        <v>39</v>
      </c>
      <c r="S206" s="3" t="s">
        <v>753</v>
      </c>
      <c r="T206" s="3"/>
      <c r="U206" s="3" t="s">
        <v>37</v>
      </c>
      <c r="V206" s="3" t="s">
        <v>37</v>
      </c>
    </row>
    <row r="207" spans="1:22" x14ac:dyDescent="0.25">
      <c r="A207" s="3" t="s">
        <v>22</v>
      </c>
      <c r="B207" s="4" t="s">
        <v>740</v>
      </c>
      <c r="C207" s="3" t="s">
        <v>741</v>
      </c>
      <c r="D207" s="5" t="s">
        <v>438</v>
      </c>
      <c r="E207" s="3" t="s">
        <v>165</v>
      </c>
      <c r="F207" s="3" t="s">
        <v>754</v>
      </c>
      <c r="G207" s="3" t="s">
        <v>473</v>
      </c>
      <c r="H207" s="3" t="s">
        <v>88</v>
      </c>
      <c r="I207" s="3" t="s">
        <v>37</v>
      </c>
      <c r="J207" s="3" t="s">
        <v>755</v>
      </c>
      <c r="K207" s="3" t="s">
        <v>32</v>
      </c>
      <c r="L207" s="3" t="s">
        <v>33</v>
      </c>
      <c r="M207" s="3" t="s">
        <v>74</v>
      </c>
      <c r="N207" s="3" t="s">
        <v>234</v>
      </c>
      <c r="O207" s="3" t="s">
        <v>53</v>
      </c>
      <c r="P207" s="3" t="s">
        <v>54</v>
      </c>
      <c r="Q207" s="3" t="s">
        <v>37</v>
      </c>
      <c r="R207" s="3" t="s">
        <v>39</v>
      </c>
      <c r="S207" s="3" t="s">
        <v>756</v>
      </c>
      <c r="T207" s="3"/>
      <c r="U207" s="3" t="s">
        <v>37</v>
      </c>
      <c r="V207" s="3" t="s">
        <v>37</v>
      </c>
    </row>
    <row r="208" spans="1:22" x14ac:dyDescent="0.25">
      <c r="A208" s="3" t="s">
        <v>22</v>
      </c>
      <c r="B208" s="4" t="s">
        <v>740</v>
      </c>
      <c r="C208" s="3" t="s">
        <v>741</v>
      </c>
      <c r="D208" s="5" t="s">
        <v>91</v>
      </c>
      <c r="E208" s="3" t="s">
        <v>47</v>
      </c>
      <c r="F208" s="3" t="s">
        <v>349</v>
      </c>
      <c r="G208" s="3" t="s">
        <v>350</v>
      </c>
      <c r="H208" s="3" t="s">
        <v>88</v>
      </c>
      <c r="I208" s="3" t="s">
        <v>50</v>
      </c>
      <c r="J208" s="3" t="s">
        <v>351</v>
      </c>
      <c r="K208" s="3" t="s">
        <v>32</v>
      </c>
      <c r="L208" s="3" t="s">
        <v>33</v>
      </c>
      <c r="M208" s="3" t="s">
        <v>34</v>
      </c>
      <c r="N208" s="3" t="s">
        <v>75</v>
      </c>
      <c r="O208" s="3" t="s">
        <v>53</v>
      </c>
      <c r="P208" s="3" t="s">
        <v>54</v>
      </c>
      <c r="Q208" s="3" t="s">
        <v>37</v>
      </c>
      <c r="R208" s="3" t="s">
        <v>39</v>
      </c>
      <c r="S208" s="3" t="s">
        <v>352</v>
      </c>
      <c r="T208" s="3"/>
      <c r="U208" s="3" t="s">
        <v>37</v>
      </c>
      <c r="V208" s="3" t="s">
        <v>37</v>
      </c>
    </row>
    <row r="209" spans="1:22" x14ac:dyDescent="0.25">
      <c r="A209" s="3" t="s">
        <v>22</v>
      </c>
      <c r="B209" s="4" t="s">
        <v>740</v>
      </c>
      <c r="C209" s="3" t="s">
        <v>741</v>
      </c>
      <c r="D209" s="5" t="s">
        <v>96</v>
      </c>
      <c r="E209" s="3" t="s">
        <v>70</v>
      </c>
      <c r="F209" s="3" t="s">
        <v>757</v>
      </c>
      <c r="G209" s="3" t="s">
        <v>262</v>
      </c>
      <c r="H209" s="3" t="s">
        <v>29</v>
      </c>
      <c r="I209" s="3" t="s">
        <v>37</v>
      </c>
      <c r="J209" s="3" t="s">
        <v>758</v>
      </c>
      <c r="K209" s="3" t="s">
        <v>32</v>
      </c>
      <c r="L209" s="3" t="s">
        <v>33</v>
      </c>
      <c r="M209" s="3" t="s">
        <v>74</v>
      </c>
      <c r="N209" s="3" t="s">
        <v>75</v>
      </c>
      <c r="O209" s="3" t="s">
        <v>53</v>
      </c>
      <c r="P209" s="3" t="s">
        <v>54</v>
      </c>
      <c r="Q209" s="3" t="s">
        <v>37</v>
      </c>
      <c r="R209" s="3" t="s">
        <v>39</v>
      </c>
      <c r="S209" s="3" t="s">
        <v>759</v>
      </c>
      <c r="T209" s="3"/>
      <c r="U209" s="3" t="s">
        <v>37</v>
      </c>
      <c r="V209" s="3" t="s">
        <v>37</v>
      </c>
    </row>
    <row r="210" spans="1:22" x14ac:dyDescent="0.25">
      <c r="A210" s="3" t="s">
        <v>22</v>
      </c>
      <c r="B210" s="4" t="s">
        <v>740</v>
      </c>
      <c r="C210" s="3" t="s">
        <v>741</v>
      </c>
      <c r="D210" s="5" t="s">
        <v>446</v>
      </c>
      <c r="E210" s="3" t="s">
        <v>70</v>
      </c>
      <c r="F210" s="3" t="s">
        <v>760</v>
      </c>
      <c r="G210" s="3" t="s">
        <v>49</v>
      </c>
      <c r="H210" s="3" t="s">
        <v>29</v>
      </c>
      <c r="I210" s="3" t="s">
        <v>37</v>
      </c>
      <c r="J210" s="3" t="s">
        <v>761</v>
      </c>
      <c r="K210" s="3" t="s">
        <v>32</v>
      </c>
      <c r="L210" s="3" t="s">
        <v>33</v>
      </c>
      <c r="M210" s="3" t="s">
        <v>74</v>
      </c>
      <c r="N210" s="3" t="s">
        <v>75</v>
      </c>
      <c r="O210" s="3" t="s">
        <v>53</v>
      </c>
      <c r="P210" s="3" t="s">
        <v>54</v>
      </c>
      <c r="Q210" s="3" t="s">
        <v>37</v>
      </c>
      <c r="R210" s="3" t="s">
        <v>39</v>
      </c>
      <c r="S210" s="3" t="s">
        <v>762</v>
      </c>
      <c r="T210" s="3"/>
      <c r="U210" s="3" t="s">
        <v>37</v>
      </c>
      <c r="V210" s="3" t="s">
        <v>37</v>
      </c>
    </row>
    <row r="211" spans="1:22" x14ac:dyDescent="0.25">
      <c r="A211" s="3" t="s">
        <v>22</v>
      </c>
      <c r="B211" s="4" t="s">
        <v>740</v>
      </c>
      <c r="C211" s="3" t="s">
        <v>741</v>
      </c>
      <c r="D211" s="5" t="s">
        <v>107</v>
      </c>
      <c r="E211" s="3" t="s">
        <v>450</v>
      </c>
      <c r="F211" s="3" t="s">
        <v>763</v>
      </c>
      <c r="G211" s="3" t="s">
        <v>692</v>
      </c>
      <c r="H211" s="3" t="s">
        <v>133</v>
      </c>
      <c r="I211" s="3" t="s">
        <v>37</v>
      </c>
      <c r="J211" s="3" t="s">
        <v>764</v>
      </c>
      <c r="K211" s="3" t="s">
        <v>32</v>
      </c>
      <c r="L211" s="3" t="s">
        <v>33</v>
      </c>
      <c r="M211" s="3" t="s">
        <v>74</v>
      </c>
      <c r="N211" s="3" t="s">
        <v>75</v>
      </c>
      <c r="O211" s="3" t="s">
        <v>37</v>
      </c>
      <c r="P211" s="3" t="s">
        <v>37</v>
      </c>
      <c r="Q211" s="3" t="s">
        <v>37</v>
      </c>
      <c r="R211" s="3" t="s">
        <v>39</v>
      </c>
      <c r="S211" s="3" t="s">
        <v>765</v>
      </c>
      <c r="T211" s="3" t="s">
        <v>282</v>
      </c>
      <c r="U211" s="3" t="s">
        <v>37</v>
      </c>
      <c r="V211" s="3" t="s">
        <v>37</v>
      </c>
    </row>
    <row r="212" spans="1:22" x14ac:dyDescent="0.25">
      <c r="A212" s="3" t="s">
        <v>22</v>
      </c>
      <c r="B212" s="4" t="s">
        <v>740</v>
      </c>
      <c r="C212" s="3" t="s">
        <v>741</v>
      </c>
      <c r="D212" s="5" t="s">
        <v>454</v>
      </c>
      <c r="E212" s="3" t="s">
        <v>450</v>
      </c>
      <c r="F212" s="3" t="s">
        <v>766</v>
      </c>
      <c r="G212" s="3" t="s">
        <v>767</v>
      </c>
      <c r="H212" s="3" t="s">
        <v>133</v>
      </c>
      <c r="I212" s="3" t="s">
        <v>37</v>
      </c>
      <c r="J212" s="3" t="s">
        <v>768</v>
      </c>
      <c r="K212" s="3" t="s">
        <v>32</v>
      </c>
      <c r="L212" s="3" t="s">
        <v>33</v>
      </c>
      <c r="M212" s="3" t="s">
        <v>74</v>
      </c>
      <c r="N212" s="3" t="s">
        <v>75</v>
      </c>
      <c r="O212" s="3" t="s">
        <v>37</v>
      </c>
      <c r="P212" s="3" t="s">
        <v>37</v>
      </c>
      <c r="Q212" s="3" t="s">
        <v>37</v>
      </c>
      <c r="R212" s="3" t="s">
        <v>39</v>
      </c>
      <c r="S212" s="3" t="s">
        <v>769</v>
      </c>
      <c r="T212" s="3" t="s">
        <v>282</v>
      </c>
      <c r="U212" s="3" t="s">
        <v>37</v>
      </c>
      <c r="V212" s="3" t="s">
        <v>37</v>
      </c>
    </row>
    <row r="213" spans="1:22" x14ac:dyDescent="0.25">
      <c r="A213" s="3" t="s">
        <v>22</v>
      </c>
      <c r="B213" s="4" t="s">
        <v>740</v>
      </c>
      <c r="C213" s="3" t="s">
        <v>741</v>
      </c>
      <c r="D213" s="5" t="s">
        <v>458</v>
      </c>
      <c r="E213" s="3" t="s">
        <v>450</v>
      </c>
      <c r="F213" s="3" t="s">
        <v>770</v>
      </c>
      <c r="G213" s="3" t="s">
        <v>771</v>
      </c>
      <c r="H213" s="3" t="s">
        <v>133</v>
      </c>
      <c r="I213" s="3" t="s">
        <v>37</v>
      </c>
      <c r="J213" s="3" t="s">
        <v>772</v>
      </c>
      <c r="K213" s="3" t="s">
        <v>32</v>
      </c>
      <c r="L213" s="3" t="s">
        <v>33</v>
      </c>
      <c r="M213" s="3" t="s">
        <v>74</v>
      </c>
      <c r="N213" s="3" t="s">
        <v>75</v>
      </c>
      <c r="O213" s="3" t="s">
        <v>37</v>
      </c>
      <c r="P213" s="3" t="s">
        <v>37</v>
      </c>
      <c r="Q213" s="3" t="s">
        <v>37</v>
      </c>
      <c r="R213" s="3" t="s">
        <v>39</v>
      </c>
      <c r="S213" s="3" t="s">
        <v>773</v>
      </c>
      <c r="T213" s="3"/>
      <c r="U213" s="3" t="s">
        <v>37</v>
      </c>
      <c r="V213" s="3" t="s">
        <v>37</v>
      </c>
    </row>
    <row r="214" spans="1:22" x14ac:dyDescent="0.25">
      <c r="A214" s="3" t="s">
        <v>22</v>
      </c>
      <c r="B214" s="4" t="s">
        <v>740</v>
      </c>
      <c r="C214" s="3" t="s">
        <v>741</v>
      </c>
      <c r="D214" s="5" t="s">
        <v>462</v>
      </c>
      <c r="E214" s="3" t="s">
        <v>47</v>
      </c>
      <c r="F214" s="3" t="s">
        <v>774</v>
      </c>
      <c r="G214" s="3" t="s">
        <v>254</v>
      </c>
      <c r="H214" s="3" t="s">
        <v>29</v>
      </c>
      <c r="I214" s="3" t="s">
        <v>50</v>
      </c>
      <c r="J214" s="3" t="s">
        <v>775</v>
      </c>
      <c r="K214" s="3" t="s">
        <v>32</v>
      </c>
      <c r="L214" s="3" t="s">
        <v>33</v>
      </c>
      <c r="M214" s="3" t="s">
        <v>34</v>
      </c>
      <c r="N214" s="3" t="s">
        <v>52</v>
      </c>
      <c r="O214" s="3" t="s">
        <v>53</v>
      </c>
      <c r="P214" s="3" t="s">
        <v>54</v>
      </c>
      <c r="Q214" s="3" t="s">
        <v>38</v>
      </c>
      <c r="R214" s="3" t="s">
        <v>39</v>
      </c>
      <c r="S214" s="3" t="s">
        <v>776</v>
      </c>
      <c r="T214" s="3"/>
      <c r="U214" s="3" t="s">
        <v>37</v>
      </c>
      <c r="V214" s="3" t="s">
        <v>37</v>
      </c>
    </row>
    <row r="215" spans="1:22" x14ac:dyDescent="0.25">
      <c r="A215" s="3" t="s">
        <v>22</v>
      </c>
      <c r="B215" s="4" t="s">
        <v>740</v>
      </c>
      <c r="C215" s="3" t="s">
        <v>741</v>
      </c>
      <c r="D215" s="5" t="s">
        <v>466</v>
      </c>
      <c r="E215" s="3" t="s">
        <v>47</v>
      </c>
      <c r="F215" s="3" t="s">
        <v>354</v>
      </c>
      <c r="G215" s="3" t="s">
        <v>262</v>
      </c>
      <c r="H215" s="3" t="s">
        <v>29</v>
      </c>
      <c r="I215" s="3" t="s">
        <v>50</v>
      </c>
      <c r="J215" s="3" t="s">
        <v>355</v>
      </c>
      <c r="K215" s="3" t="s">
        <v>32</v>
      </c>
      <c r="L215" s="3" t="s">
        <v>33</v>
      </c>
      <c r="M215" s="3" t="s">
        <v>34</v>
      </c>
      <c r="N215" s="3" t="s">
        <v>52</v>
      </c>
      <c r="O215" s="3" t="s">
        <v>53</v>
      </c>
      <c r="P215" s="3" t="s">
        <v>54</v>
      </c>
      <c r="Q215" s="3" t="s">
        <v>38</v>
      </c>
      <c r="R215" s="3" t="s">
        <v>39</v>
      </c>
      <c r="S215" s="3" t="s">
        <v>356</v>
      </c>
      <c r="T215" s="3"/>
      <c r="U215" s="3" t="s">
        <v>37</v>
      </c>
      <c r="V215" s="3" t="s">
        <v>37</v>
      </c>
    </row>
    <row r="216" spans="1:22" x14ac:dyDescent="0.25">
      <c r="A216" s="3" t="s">
        <v>22</v>
      </c>
      <c r="B216" s="4" t="s">
        <v>740</v>
      </c>
      <c r="C216" s="3" t="s">
        <v>741</v>
      </c>
      <c r="D216" s="5" t="s">
        <v>471</v>
      </c>
      <c r="E216" s="3" t="s">
        <v>62</v>
      </c>
      <c r="F216" s="3" t="s">
        <v>777</v>
      </c>
      <c r="G216" s="3" t="s">
        <v>767</v>
      </c>
      <c r="H216" s="3" t="s">
        <v>88</v>
      </c>
      <c r="I216" s="3" t="s">
        <v>474</v>
      </c>
      <c r="J216" s="3" t="s">
        <v>778</v>
      </c>
      <c r="K216" s="3" t="s">
        <v>32</v>
      </c>
      <c r="L216" s="3" t="s">
        <v>33</v>
      </c>
      <c r="M216" s="3" t="s">
        <v>34</v>
      </c>
      <c r="N216" s="3" t="s">
        <v>296</v>
      </c>
      <c r="O216" s="3" t="s">
        <v>67</v>
      </c>
      <c r="P216" s="3" t="s">
        <v>37</v>
      </c>
      <c r="Q216" s="3" t="s">
        <v>37</v>
      </c>
      <c r="R216" s="3" t="s">
        <v>39</v>
      </c>
      <c r="S216" s="3" t="s">
        <v>779</v>
      </c>
      <c r="T216" s="3"/>
      <c r="U216" s="3" t="s">
        <v>37</v>
      </c>
      <c r="V216" s="3" t="s">
        <v>37</v>
      </c>
    </row>
    <row r="217" spans="1:22" x14ac:dyDescent="0.25">
      <c r="A217" s="3" t="s">
        <v>22</v>
      </c>
      <c r="B217" s="4" t="s">
        <v>740</v>
      </c>
      <c r="C217" s="3" t="s">
        <v>741</v>
      </c>
      <c r="D217" s="5" t="s">
        <v>129</v>
      </c>
      <c r="E217" s="3" t="s">
        <v>149</v>
      </c>
      <c r="F217" s="3" t="s">
        <v>780</v>
      </c>
      <c r="G217" s="3" t="s">
        <v>781</v>
      </c>
      <c r="H217" s="3" t="s">
        <v>133</v>
      </c>
      <c r="I217" s="3" t="s">
        <v>37</v>
      </c>
      <c r="J217" s="3" t="s">
        <v>782</v>
      </c>
      <c r="K217" s="3" t="s">
        <v>32</v>
      </c>
      <c r="L217" s="3" t="s">
        <v>33</v>
      </c>
      <c r="M217" s="3" t="s">
        <v>34</v>
      </c>
      <c r="N217" s="3" t="s">
        <v>234</v>
      </c>
      <c r="O217" s="3" t="s">
        <v>53</v>
      </c>
      <c r="P217" s="3" t="s">
        <v>37</v>
      </c>
      <c r="Q217" s="3" t="s">
        <v>37</v>
      </c>
      <c r="R217" s="3" t="s">
        <v>39</v>
      </c>
      <c r="S217" s="3" t="s">
        <v>783</v>
      </c>
      <c r="T217" s="3"/>
      <c r="U217" s="3" t="s">
        <v>37</v>
      </c>
      <c r="V217" s="3" t="s">
        <v>37</v>
      </c>
    </row>
    <row r="218" spans="1:22" x14ac:dyDescent="0.25">
      <c r="A218" s="3" t="s">
        <v>22</v>
      </c>
      <c r="B218" s="4" t="s">
        <v>740</v>
      </c>
      <c r="C218" s="3" t="s">
        <v>741</v>
      </c>
      <c r="D218" s="5" t="s">
        <v>143</v>
      </c>
      <c r="E218" s="3" t="s">
        <v>584</v>
      </c>
      <c r="F218" s="3" t="s">
        <v>784</v>
      </c>
      <c r="G218" s="3" t="s">
        <v>539</v>
      </c>
      <c r="H218" s="3" t="s">
        <v>133</v>
      </c>
      <c r="I218" s="3" t="s">
        <v>785</v>
      </c>
      <c r="J218" s="3" t="s">
        <v>786</v>
      </c>
      <c r="K218" s="3" t="s">
        <v>32</v>
      </c>
      <c r="L218" s="3" t="s">
        <v>33</v>
      </c>
      <c r="M218" s="3" t="s">
        <v>74</v>
      </c>
      <c r="N218" s="3" t="s">
        <v>588</v>
      </c>
      <c r="O218" s="3" t="s">
        <v>53</v>
      </c>
      <c r="P218" s="3" t="s">
        <v>37</v>
      </c>
      <c r="Q218" s="3" t="s">
        <v>37</v>
      </c>
      <c r="R218" s="3" t="s">
        <v>39</v>
      </c>
      <c r="S218" s="3" t="s">
        <v>787</v>
      </c>
      <c r="T218" s="3"/>
      <c r="U218" s="3" t="s">
        <v>37</v>
      </c>
      <c r="V218" s="3" t="s">
        <v>37</v>
      </c>
    </row>
    <row r="219" spans="1:22" x14ac:dyDescent="0.25">
      <c r="A219" s="3" t="s">
        <v>22</v>
      </c>
      <c r="B219" s="4" t="s">
        <v>740</v>
      </c>
      <c r="C219" s="3" t="s">
        <v>741</v>
      </c>
      <c r="D219" s="5" t="s">
        <v>156</v>
      </c>
      <c r="E219" s="3" t="s">
        <v>584</v>
      </c>
      <c r="F219" s="3" t="s">
        <v>788</v>
      </c>
      <c r="G219" s="3" t="s">
        <v>345</v>
      </c>
      <c r="H219" s="3" t="s">
        <v>133</v>
      </c>
      <c r="I219" s="3" t="s">
        <v>789</v>
      </c>
      <c r="J219" s="3" t="s">
        <v>790</v>
      </c>
      <c r="K219" s="3" t="s">
        <v>32</v>
      </c>
      <c r="L219" s="3" t="s">
        <v>33</v>
      </c>
      <c r="M219" s="3" t="s">
        <v>74</v>
      </c>
      <c r="N219" s="3" t="s">
        <v>588</v>
      </c>
      <c r="O219" s="3" t="s">
        <v>53</v>
      </c>
      <c r="P219" s="3" t="s">
        <v>37</v>
      </c>
      <c r="Q219" s="3" t="s">
        <v>37</v>
      </c>
      <c r="R219" s="3" t="s">
        <v>39</v>
      </c>
      <c r="S219" s="3" t="s">
        <v>791</v>
      </c>
      <c r="T219" s="3"/>
      <c r="U219" s="3" t="s">
        <v>37</v>
      </c>
      <c r="V219" s="3" t="s">
        <v>37</v>
      </c>
    </row>
    <row r="220" spans="1:22" x14ac:dyDescent="0.25">
      <c r="A220" s="3" t="s">
        <v>22</v>
      </c>
      <c r="B220" s="4" t="s">
        <v>740</v>
      </c>
      <c r="C220" s="3" t="s">
        <v>741</v>
      </c>
      <c r="D220" s="5" t="s">
        <v>164</v>
      </c>
      <c r="E220" s="3" t="s">
        <v>47</v>
      </c>
      <c r="F220" s="3" t="s">
        <v>643</v>
      </c>
      <c r="G220" s="3" t="s">
        <v>173</v>
      </c>
      <c r="H220" s="3" t="s">
        <v>133</v>
      </c>
      <c r="I220" s="3" t="s">
        <v>50</v>
      </c>
      <c r="J220" s="3" t="s">
        <v>644</v>
      </c>
      <c r="K220" s="3" t="s">
        <v>32</v>
      </c>
      <c r="L220" s="3" t="s">
        <v>33</v>
      </c>
      <c r="M220" s="3" t="s">
        <v>34</v>
      </c>
      <c r="N220" s="3" t="s">
        <v>296</v>
      </c>
      <c r="O220" s="3" t="s">
        <v>53</v>
      </c>
      <c r="P220" s="3" t="s">
        <v>54</v>
      </c>
      <c r="Q220" s="3" t="s">
        <v>37</v>
      </c>
      <c r="R220" s="3" t="s">
        <v>39</v>
      </c>
      <c r="S220" s="3" t="s">
        <v>645</v>
      </c>
      <c r="T220" s="3"/>
      <c r="U220" s="3" t="s">
        <v>37</v>
      </c>
      <c r="V220" s="3" t="s">
        <v>37</v>
      </c>
    </row>
    <row r="221" spans="1:22" x14ac:dyDescent="0.25">
      <c r="A221" s="3" t="s">
        <v>22</v>
      </c>
      <c r="B221" s="4" t="s">
        <v>740</v>
      </c>
      <c r="C221" s="3" t="s">
        <v>741</v>
      </c>
      <c r="D221" s="5" t="s">
        <v>171</v>
      </c>
      <c r="E221" s="3" t="s">
        <v>47</v>
      </c>
      <c r="F221" s="3" t="s">
        <v>647</v>
      </c>
      <c r="G221" s="3" t="s">
        <v>341</v>
      </c>
      <c r="H221" s="3" t="s">
        <v>133</v>
      </c>
      <c r="I221" s="3" t="s">
        <v>50</v>
      </c>
      <c r="J221" s="3" t="s">
        <v>648</v>
      </c>
      <c r="K221" s="3" t="s">
        <v>32</v>
      </c>
      <c r="L221" s="3" t="s">
        <v>33</v>
      </c>
      <c r="M221" s="3" t="s">
        <v>34</v>
      </c>
      <c r="N221" s="3" t="s">
        <v>296</v>
      </c>
      <c r="O221" s="3" t="s">
        <v>53</v>
      </c>
      <c r="P221" s="3" t="s">
        <v>54</v>
      </c>
      <c r="Q221" s="3" t="s">
        <v>37</v>
      </c>
      <c r="R221" s="3" t="s">
        <v>39</v>
      </c>
      <c r="S221" s="3" t="s">
        <v>649</v>
      </c>
      <c r="T221" s="3"/>
      <c r="U221" s="3" t="s">
        <v>37</v>
      </c>
      <c r="V221" s="3" t="s">
        <v>37</v>
      </c>
    </row>
    <row r="222" spans="1:22" x14ac:dyDescent="0.25">
      <c r="A222" s="3" t="s">
        <v>22</v>
      </c>
      <c r="B222" s="4" t="s">
        <v>740</v>
      </c>
      <c r="C222" s="3" t="s">
        <v>741</v>
      </c>
      <c r="D222" s="5" t="s">
        <v>177</v>
      </c>
      <c r="E222" s="3" t="s">
        <v>450</v>
      </c>
      <c r="F222" s="3" t="s">
        <v>792</v>
      </c>
      <c r="G222" s="3" t="s">
        <v>591</v>
      </c>
      <c r="H222" s="3" t="s">
        <v>133</v>
      </c>
      <c r="I222" s="3" t="s">
        <v>37</v>
      </c>
      <c r="J222" s="3" t="s">
        <v>793</v>
      </c>
      <c r="K222" s="3" t="s">
        <v>32</v>
      </c>
      <c r="L222" s="3" t="s">
        <v>33</v>
      </c>
      <c r="M222" s="3" t="s">
        <v>386</v>
      </c>
      <c r="N222" s="3" t="s">
        <v>75</v>
      </c>
      <c r="O222" s="3" t="s">
        <v>53</v>
      </c>
      <c r="P222" s="3" t="s">
        <v>37</v>
      </c>
      <c r="Q222" s="3" t="s">
        <v>37</v>
      </c>
      <c r="R222" s="3" t="s">
        <v>39</v>
      </c>
      <c r="S222" s="3" t="s">
        <v>794</v>
      </c>
      <c r="T222" s="3"/>
      <c r="U222" s="3" t="s">
        <v>37</v>
      </c>
      <c r="V222" s="3" t="s">
        <v>37</v>
      </c>
    </row>
    <row r="223" spans="1:22" x14ac:dyDescent="0.25">
      <c r="A223" s="3" t="s">
        <v>22</v>
      </c>
      <c r="B223" s="4" t="s">
        <v>740</v>
      </c>
      <c r="C223" s="3" t="s">
        <v>741</v>
      </c>
      <c r="D223" s="5" t="s">
        <v>348</v>
      </c>
      <c r="E223" s="3" t="s">
        <v>450</v>
      </c>
      <c r="F223" s="3" t="s">
        <v>795</v>
      </c>
      <c r="G223" s="3" t="s">
        <v>488</v>
      </c>
      <c r="H223" s="3" t="s">
        <v>133</v>
      </c>
      <c r="I223" s="3" t="s">
        <v>37</v>
      </c>
      <c r="J223" s="3" t="s">
        <v>37</v>
      </c>
      <c r="K223" s="3" t="s">
        <v>32</v>
      </c>
      <c r="L223" s="3" t="s">
        <v>33</v>
      </c>
      <c r="M223" s="3" t="s">
        <v>386</v>
      </c>
      <c r="N223" s="3" t="s">
        <v>75</v>
      </c>
      <c r="O223" s="3" t="s">
        <v>53</v>
      </c>
      <c r="P223" s="3" t="s">
        <v>37</v>
      </c>
      <c r="Q223" s="3" t="s">
        <v>37</v>
      </c>
      <c r="R223" s="3" t="s">
        <v>39</v>
      </c>
      <c r="S223" s="3" t="s">
        <v>796</v>
      </c>
      <c r="T223" s="3"/>
      <c r="U223" s="3" t="s">
        <v>37</v>
      </c>
      <c r="V223" s="3" t="s">
        <v>37</v>
      </c>
    </row>
    <row r="224" spans="1:22" x14ac:dyDescent="0.25">
      <c r="A224" s="3" t="s">
        <v>22</v>
      </c>
      <c r="B224" s="4" t="s">
        <v>740</v>
      </c>
      <c r="C224" s="3" t="s">
        <v>741</v>
      </c>
      <c r="D224" s="5" t="s">
        <v>183</v>
      </c>
      <c r="E224" s="3" t="s">
        <v>47</v>
      </c>
      <c r="F224" s="3" t="s">
        <v>202</v>
      </c>
      <c r="G224" s="3" t="s">
        <v>88</v>
      </c>
      <c r="H224" s="3" t="s">
        <v>29</v>
      </c>
      <c r="I224" s="3" t="s">
        <v>50</v>
      </c>
      <c r="J224" s="3" t="s">
        <v>203</v>
      </c>
      <c r="K224" s="3" t="s">
        <v>32</v>
      </c>
      <c r="L224" s="3" t="s">
        <v>33</v>
      </c>
      <c r="M224" s="3" t="s">
        <v>34</v>
      </c>
      <c r="N224" s="3" t="s">
        <v>52</v>
      </c>
      <c r="O224" s="3" t="s">
        <v>53</v>
      </c>
      <c r="P224" s="3" t="s">
        <v>54</v>
      </c>
      <c r="Q224" s="3" t="s">
        <v>38</v>
      </c>
      <c r="R224" s="3" t="s">
        <v>39</v>
      </c>
      <c r="S224" s="3" t="s">
        <v>204</v>
      </c>
      <c r="T224" s="3"/>
      <c r="U224" s="3" t="s">
        <v>37</v>
      </c>
      <c r="V224" s="3" t="s">
        <v>37</v>
      </c>
    </row>
    <row r="225" spans="1:22" x14ac:dyDescent="0.25">
      <c r="A225" s="3" t="s">
        <v>22</v>
      </c>
      <c r="B225" s="4" t="s">
        <v>740</v>
      </c>
      <c r="C225" s="3" t="s">
        <v>741</v>
      </c>
      <c r="D225" s="5" t="s">
        <v>189</v>
      </c>
      <c r="E225" s="3" t="s">
        <v>47</v>
      </c>
      <c r="F225" s="3" t="s">
        <v>206</v>
      </c>
      <c r="G225" s="3" t="s">
        <v>207</v>
      </c>
      <c r="H225" s="3" t="s">
        <v>29</v>
      </c>
      <c r="I225" s="3" t="s">
        <v>50</v>
      </c>
      <c r="J225" s="3" t="s">
        <v>208</v>
      </c>
      <c r="K225" s="3" t="s">
        <v>32</v>
      </c>
      <c r="L225" s="3" t="s">
        <v>33</v>
      </c>
      <c r="M225" s="3" t="s">
        <v>34</v>
      </c>
      <c r="N225" s="3" t="s">
        <v>52</v>
      </c>
      <c r="O225" s="3" t="s">
        <v>53</v>
      </c>
      <c r="P225" s="3" t="s">
        <v>54</v>
      </c>
      <c r="Q225" s="3" t="s">
        <v>38</v>
      </c>
      <c r="R225" s="3" t="s">
        <v>39</v>
      </c>
      <c r="S225" s="3" t="s">
        <v>209</v>
      </c>
      <c r="T225" s="3"/>
      <c r="U225" s="3" t="s">
        <v>37</v>
      </c>
      <c r="V225" s="3" t="s">
        <v>37</v>
      </c>
    </row>
    <row r="226" spans="1:22" x14ac:dyDescent="0.25">
      <c r="A226" s="3" t="s">
        <v>22</v>
      </c>
      <c r="B226" s="4" t="s">
        <v>740</v>
      </c>
      <c r="C226" s="3" t="s">
        <v>741</v>
      </c>
      <c r="D226" s="5" t="s">
        <v>195</v>
      </c>
      <c r="E226" s="3" t="s">
        <v>47</v>
      </c>
      <c r="F226" s="3" t="s">
        <v>211</v>
      </c>
      <c r="G226" s="3" t="s">
        <v>212</v>
      </c>
      <c r="H226" s="3" t="s">
        <v>29</v>
      </c>
      <c r="I226" s="3" t="s">
        <v>50</v>
      </c>
      <c r="J226" s="3" t="s">
        <v>213</v>
      </c>
      <c r="K226" s="3" t="s">
        <v>32</v>
      </c>
      <c r="L226" s="3" t="s">
        <v>33</v>
      </c>
      <c r="M226" s="3" t="s">
        <v>34</v>
      </c>
      <c r="N226" s="3" t="s">
        <v>52</v>
      </c>
      <c r="O226" s="3" t="s">
        <v>53</v>
      </c>
      <c r="P226" s="3" t="s">
        <v>54</v>
      </c>
      <c r="Q226" s="3" t="s">
        <v>38</v>
      </c>
      <c r="R226" s="3" t="s">
        <v>39</v>
      </c>
      <c r="S226" s="3" t="s">
        <v>214</v>
      </c>
      <c r="T226" s="3"/>
      <c r="U226" s="3" t="s">
        <v>37</v>
      </c>
      <c r="V226" s="3" t="s">
        <v>37</v>
      </c>
    </row>
    <row r="227" spans="1:22" x14ac:dyDescent="0.25">
      <c r="A227" s="3" t="s">
        <v>22</v>
      </c>
      <c r="B227" s="4" t="s">
        <v>740</v>
      </c>
      <c r="C227" s="3" t="s">
        <v>741</v>
      </c>
      <c r="D227" s="5" t="s">
        <v>201</v>
      </c>
      <c r="E227" s="3" t="s">
        <v>165</v>
      </c>
      <c r="F227" s="3" t="s">
        <v>797</v>
      </c>
      <c r="G227" s="3" t="s">
        <v>87</v>
      </c>
      <c r="H227" s="3" t="s">
        <v>88</v>
      </c>
      <c r="I227" s="3" t="s">
        <v>37</v>
      </c>
      <c r="J227" s="3" t="s">
        <v>798</v>
      </c>
      <c r="K227" s="3" t="s">
        <v>32</v>
      </c>
      <c r="L227" s="3" t="s">
        <v>33</v>
      </c>
      <c r="M227" s="3" t="s">
        <v>74</v>
      </c>
      <c r="N227" s="3" t="s">
        <v>234</v>
      </c>
      <c r="O227" s="3" t="s">
        <v>53</v>
      </c>
      <c r="P227" s="3" t="s">
        <v>54</v>
      </c>
      <c r="Q227" s="3" t="s">
        <v>37</v>
      </c>
      <c r="R227" s="3" t="s">
        <v>39</v>
      </c>
      <c r="S227" s="3" t="s">
        <v>799</v>
      </c>
      <c r="T227" s="3"/>
      <c r="U227" s="3" t="s">
        <v>37</v>
      </c>
      <c r="V227" s="3" t="s">
        <v>37</v>
      </c>
    </row>
    <row r="228" spans="1:22" x14ac:dyDescent="0.25">
      <c r="A228" s="3" t="s">
        <v>22</v>
      </c>
      <c r="B228" s="4" t="s">
        <v>740</v>
      </c>
      <c r="C228" s="3" t="s">
        <v>741</v>
      </c>
      <c r="D228" s="5" t="s">
        <v>205</v>
      </c>
      <c r="E228" s="3" t="s">
        <v>165</v>
      </c>
      <c r="F228" s="3" t="s">
        <v>800</v>
      </c>
      <c r="G228" s="3" t="s">
        <v>93</v>
      </c>
      <c r="H228" s="3" t="s">
        <v>88</v>
      </c>
      <c r="I228" s="3" t="s">
        <v>37</v>
      </c>
      <c r="J228" s="3" t="s">
        <v>801</v>
      </c>
      <c r="K228" s="3" t="s">
        <v>32</v>
      </c>
      <c r="L228" s="3" t="s">
        <v>33</v>
      </c>
      <c r="M228" s="3" t="s">
        <v>74</v>
      </c>
      <c r="N228" s="3" t="s">
        <v>234</v>
      </c>
      <c r="O228" s="3" t="s">
        <v>105</v>
      </c>
      <c r="P228" s="3" t="s">
        <v>54</v>
      </c>
      <c r="Q228" s="3" t="s">
        <v>37</v>
      </c>
      <c r="R228" s="3" t="s">
        <v>39</v>
      </c>
      <c r="S228" s="3" t="s">
        <v>802</v>
      </c>
      <c r="T228" s="3"/>
      <c r="U228" s="3" t="s">
        <v>37</v>
      </c>
      <c r="V228" s="3" t="s">
        <v>37</v>
      </c>
    </row>
    <row r="229" spans="1:22" x14ac:dyDescent="0.25">
      <c r="A229" s="3" t="s">
        <v>22</v>
      </c>
      <c r="B229" s="4" t="s">
        <v>740</v>
      </c>
      <c r="C229" s="3" t="s">
        <v>741</v>
      </c>
      <c r="D229" s="5" t="s">
        <v>494</v>
      </c>
      <c r="E229" s="3" t="s">
        <v>495</v>
      </c>
      <c r="F229" s="3" t="s">
        <v>803</v>
      </c>
      <c r="G229" s="3" t="s">
        <v>781</v>
      </c>
      <c r="H229" s="3" t="s">
        <v>133</v>
      </c>
      <c r="I229" s="3" t="s">
        <v>497</v>
      </c>
      <c r="J229" s="3" t="s">
        <v>804</v>
      </c>
      <c r="K229" s="3" t="s">
        <v>32</v>
      </c>
      <c r="L229" s="3" t="s">
        <v>37</v>
      </c>
      <c r="M229" s="3" t="s">
        <v>34</v>
      </c>
      <c r="N229" s="3" t="s">
        <v>153</v>
      </c>
      <c r="O229" s="3" t="s">
        <v>105</v>
      </c>
      <c r="P229" s="3" t="s">
        <v>37</v>
      </c>
      <c r="Q229" s="3" t="s">
        <v>37</v>
      </c>
      <c r="R229" s="3" t="s">
        <v>39</v>
      </c>
      <c r="S229" s="3" t="s">
        <v>805</v>
      </c>
      <c r="T229" s="3"/>
      <c r="U229" s="3" t="s">
        <v>37</v>
      </c>
      <c r="V229" s="3" t="s">
        <v>37</v>
      </c>
    </row>
    <row r="230" spans="1:22" x14ac:dyDescent="0.25">
      <c r="A230" s="3" t="s">
        <v>22</v>
      </c>
      <c r="B230" s="4" t="s">
        <v>740</v>
      </c>
      <c r="C230" s="3" t="s">
        <v>741</v>
      </c>
      <c r="D230" s="5" t="s">
        <v>500</v>
      </c>
      <c r="E230" s="3" t="s">
        <v>495</v>
      </c>
      <c r="F230" s="3" t="s">
        <v>806</v>
      </c>
      <c r="G230" s="3" t="s">
        <v>807</v>
      </c>
      <c r="H230" s="3" t="s">
        <v>133</v>
      </c>
      <c r="I230" s="3" t="s">
        <v>497</v>
      </c>
      <c r="J230" s="3" t="s">
        <v>808</v>
      </c>
      <c r="K230" s="3" t="s">
        <v>32</v>
      </c>
      <c r="L230" s="3" t="s">
        <v>37</v>
      </c>
      <c r="M230" s="3" t="s">
        <v>34</v>
      </c>
      <c r="N230" s="3" t="s">
        <v>153</v>
      </c>
      <c r="O230" s="3" t="s">
        <v>105</v>
      </c>
      <c r="P230" s="3" t="s">
        <v>37</v>
      </c>
      <c r="Q230" s="3" t="s">
        <v>37</v>
      </c>
      <c r="R230" s="3" t="s">
        <v>39</v>
      </c>
      <c r="S230" s="3" t="s">
        <v>809</v>
      </c>
      <c r="T230" s="3"/>
      <c r="U230" s="3" t="s">
        <v>37</v>
      </c>
      <c r="V230" s="3" t="s">
        <v>37</v>
      </c>
    </row>
    <row r="231" spans="1:22" x14ac:dyDescent="0.25">
      <c r="A231" s="3" t="s">
        <v>22</v>
      </c>
      <c r="B231" s="4" t="s">
        <v>740</v>
      </c>
      <c r="C231" s="3" t="s">
        <v>741</v>
      </c>
      <c r="D231" s="5" t="s">
        <v>220</v>
      </c>
      <c r="E231" s="3" t="s">
        <v>184</v>
      </c>
      <c r="F231" s="3" t="s">
        <v>810</v>
      </c>
      <c r="G231" s="3" t="s">
        <v>167</v>
      </c>
      <c r="H231" s="3" t="s">
        <v>133</v>
      </c>
      <c r="I231" s="3" t="s">
        <v>811</v>
      </c>
      <c r="J231" s="3" t="s">
        <v>812</v>
      </c>
      <c r="K231" s="3" t="s">
        <v>32</v>
      </c>
      <c r="L231" s="3" t="s">
        <v>82</v>
      </c>
      <c r="M231" s="3" t="s">
        <v>74</v>
      </c>
      <c r="N231" s="3" t="s">
        <v>296</v>
      </c>
      <c r="O231" s="3" t="s">
        <v>36</v>
      </c>
      <c r="P231" s="3" t="s">
        <v>37</v>
      </c>
      <c r="Q231" s="3" t="s">
        <v>37</v>
      </c>
      <c r="R231" s="3" t="s">
        <v>39</v>
      </c>
      <c r="S231" s="3" t="s">
        <v>813</v>
      </c>
      <c r="T231" s="3"/>
      <c r="U231" s="3" t="s">
        <v>37</v>
      </c>
      <c r="V231" s="3" t="s">
        <v>37</v>
      </c>
    </row>
    <row r="232" spans="1:22" x14ac:dyDescent="0.25">
      <c r="A232" s="3" t="s">
        <v>22</v>
      </c>
      <c r="B232" s="4" t="s">
        <v>740</v>
      </c>
      <c r="C232" s="3" t="s">
        <v>741</v>
      </c>
      <c r="D232" s="5" t="s">
        <v>224</v>
      </c>
      <c r="E232" s="3" t="s">
        <v>184</v>
      </c>
      <c r="F232" s="3" t="s">
        <v>814</v>
      </c>
      <c r="G232" s="3" t="s">
        <v>173</v>
      </c>
      <c r="H232" s="3" t="s">
        <v>133</v>
      </c>
      <c r="I232" s="3" t="s">
        <v>815</v>
      </c>
      <c r="J232" s="3" t="s">
        <v>816</v>
      </c>
      <c r="K232" s="3" t="s">
        <v>32</v>
      </c>
      <c r="L232" s="3" t="s">
        <v>82</v>
      </c>
      <c r="M232" s="3" t="s">
        <v>74</v>
      </c>
      <c r="N232" s="3" t="s">
        <v>296</v>
      </c>
      <c r="O232" s="3" t="s">
        <v>53</v>
      </c>
      <c r="P232" s="3" t="s">
        <v>37</v>
      </c>
      <c r="Q232" s="3" t="s">
        <v>37</v>
      </c>
      <c r="R232" s="3" t="s">
        <v>39</v>
      </c>
      <c r="S232" s="3" t="s">
        <v>817</v>
      </c>
      <c r="T232" s="3"/>
      <c r="U232" s="3" t="s">
        <v>37</v>
      </c>
      <c r="V232" s="3" t="s">
        <v>37</v>
      </c>
    </row>
    <row r="233" spans="1:22" x14ac:dyDescent="0.25">
      <c r="A233" s="3" t="s">
        <v>22</v>
      </c>
      <c r="B233" s="4" t="s">
        <v>740</v>
      </c>
      <c r="C233" s="3" t="s">
        <v>741</v>
      </c>
      <c r="D233" s="5" t="s">
        <v>229</v>
      </c>
      <c r="E233" s="3" t="s">
        <v>509</v>
      </c>
      <c r="F233" s="3" t="s">
        <v>818</v>
      </c>
      <c r="G233" s="3" t="s">
        <v>478</v>
      </c>
      <c r="H233" s="3" t="s">
        <v>133</v>
      </c>
      <c r="I233" s="3" t="s">
        <v>37</v>
      </c>
      <c r="J233" s="3" t="s">
        <v>819</v>
      </c>
      <c r="K233" s="3" t="s">
        <v>32</v>
      </c>
      <c r="L233" s="3" t="s">
        <v>82</v>
      </c>
      <c r="M233" s="3" t="s">
        <v>74</v>
      </c>
      <c r="N233" s="3" t="s">
        <v>234</v>
      </c>
      <c r="O233" s="3" t="s">
        <v>36</v>
      </c>
      <c r="P233" s="3" t="s">
        <v>54</v>
      </c>
      <c r="Q233" s="3" t="s">
        <v>37</v>
      </c>
      <c r="R233" s="3" t="s">
        <v>39</v>
      </c>
      <c r="S233" s="3" t="s">
        <v>820</v>
      </c>
      <c r="T233" s="3"/>
      <c r="U233" s="3" t="s">
        <v>37</v>
      </c>
      <c r="V233" s="3" t="s">
        <v>37</v>
      </c>
    </row>
    <row r="234" spans="1:22" x14ac:dyDescent="0.25">
      <c r="A234" s="3" t="s">
        <v>22</v>
      </c>
      <c r="B234" s="4" t="s">
        <v>740</v>
      </c>
      <c r="C234" s="3" t="s">
        <v>741</v>
      </c>
      <c r="D234" s="5" t="s">
        <v>236</v>
      </c>
      <c r="E234" s="3" t="s">
        <v>509</v>
      </c>
      <c r="F234" s="3" t="s">
        <v>821</v>
      </c>
      <c r="G234" s="3" t="s">
        <v>341</v>
      </c>
      <c r="H234" s="3" t="s">
        <v>133</v>
      </c>
      <c r="I234" s="3" t="s">
        <v>37</v>
      </c>
      <c r="J234" s="3" t="s">
        <v>822</v>
      </c>
      <c r="K234" s="3" t="s">
        <v>32</v>
      </c>
      <c r="L234" s="3" t="s">
        <v>82</v>
      </c>
      <c r="M234" s="3" t="s">
        <v>74</v>
      </c>
      <c r="N234" s="3" t="s">
        <v>234</v>
      </c>
      <c r="O234" s="3" t="s">
        <v>36</v>
      </c>
      <c r="P234" s="3" t="s">
        <v>54</v>
      </c>
      <c r="Q234" s="3" t="s">
        <v>37</v>
      </c>
      <c r="R234" s="3" t="s">
        <v>39</v>
      </c>
      <c r="S234" s="3" t="s">
        <v>823</v>
      </c>
      <c r="T234" s="3"/>
      <c r="U234" s="3" t="s">
        <v>37</v>
      </c>
      <c r="V234" s="3" t="s">
        <v>37</v>
      </c>
    </row>
    <row r="235" spans="1:22" x14ac:dyDescent="0.25">
      <c r="A235" s="3" t="s">
        <v>22</v>
      </c>
      <c r="B235" s="4" t="s">
        <v>740</v>
      </c>
      <c r="C235" s="3" t="s">
        <v>741</v>
      </c>
      <c r="D235" s="5" t="s">
        <v>240</v>
      </c>
      <c r="E235" s="3" t="s">
        <v>517</v>
      </c>
      <c r="F235" s="3" t="s">
        <v>824</v>
      </c>
      <c r="G235" s="3" t="s">
        <v>696</v>
      </c>
      <c r="H235" s="3" t="s">
        <v>29</v>
      </c>
      <c r="I235" s="3" t="s">
        <v>825</v>
      </c>
      <c r="J235" s="3" t="s">
        <v>826</v>
      </c>
      <c r="K235" s="3" t="s">
        <v>32</v>
      </c>
      <c r="L235" s="3" t="s">
        <v>82</v>
      </c>
      <c r="M235" s="3" t="s">
        <v>522</v>
      </c>
      <c r="N235" s="3" t="s">
        <v>523</v>
      </c>
      <c r="O235" s="3" t="s">
        <v>827</v>
      </c>
      <c r="P235" s="3" t="s">
        <v>54</v>
      </c>
      <c r="Q235" s="3" t="s">
        <v>38</v>
      </c>
      <c r="R235" s="3" t="s">
        <v>39</v>
      </c>
      <c r="S235" s="3" t="s">
        <v>828</v>
      </c>
      <c r="T235" s="3"/>
      <c r="U235" s="3" t="s">
        <v>37</v>
      </c>
      <c r="V235" s="3" t="s">
        <v>37</v>
      </c>
    </row>
    <row r="236" spans="1:22" x14ac:dyDescent="0.25">
      <c r="A236" s="3"/>
      <c r="B236" s="4"/>
      <c r="C236" s="3"/>
      <c r="D236" s="5"/>
      <c r="E236" s="6" t="s">
        <v>249</v>
      </c>
      <c r="F236" s="3"/>
      <c r="G236" s="3"/>
      <c r="H236" s="3"/>
      <c r="I236" s="3"/>
      <c r="J236" s="3"/>
      <c r="K236" s="3"/>
      <c r="L236" s="3"/>
      <c r="M236" s="3"/>
      <c r="N236" s="3"/>
      <c r="O236" s="3"/>
      <c r="P236" s="3"/>
      <c r="Q236" s="3"/>
      <c r="R236" s="3"/>
      <c r="S236" s="3"/>
      <c r="T236" s="3"/>
      <c r="U236" s="3"/>
      <c r="V236" s="3"/>
    </row>
    <row r="237" spans="1:22" x14ac:dyDescent="0.25">
      <c r="A237" s="3"/>
      <c r="B237" s="4"/>
      <c r="C237" s="3"/>
      <c r="D237" s="5"/>
      <c r="E237" s="6"/>
      <c r="F237" s="3"/>
      <c r="G237" s="3"/>
      <c r="H237" s="3"/>
      <c r="I237" s="3"/>
      <c r="J237" s="3"/>
      <c r="K237" s="3"/>
      <c r="L237" s="3"/>
      <c r="M237" s="3"/>
      <c r="N237" s="3"/>
      <c r="O237" s="3"/>
      <c r="P237" s="3"/>
      <c r="Q237" s="3"/>
      <c r="R237" s="3"/>
      <c r="S237" s="3"/>
      <c r="T237" s="3"/>
      <c r="U237" s="3"/>
      <c r="V237" s="3"/>
    </row>
    <row r="238" spans="1:22" x14ac:dyDescent="0.25">
      <c r="A238" s="3" t="s">
        <v>22</v>
      </c>
      <c r="B238" s="4" t="s">
        <v>829</v>
      </c>
      <c r="C238" s="3" t="s">
        <v>830</v>
      </c>
      <c r="D238" s="5" t="s">
        <v>25</v>
      </c>
      <c r="E238" s="3" t="s">
        <v>130</v>
      </c>
      <c r="F238" s="3" t="s">
        <v>831</v>
      </c>
      <c r="G238" s="3" t="s">
        <v>226</v>
      </c>
      <c r="H238" s="3" t="s">
        <v>29</v>
      </c>
      <c r="I238" s="3" t="s">
        <v>324</v>
      </c>
      <c r="J238" s="3" t="s">
        <v>832</v>
      </c>
      <c r="K238" s="3" t="s">
        <v>32</v>
      </c>
      <c r="L238" s="3" t="s">
        <v>33</v>
      </c>
      <c r="M238" s="3" t="s">
        <v>74</v>
      </c>
      <c r="N238" s="3" t="s">
        <v>153</v>
      </c>
      <c r="O238" s="3" t="s">
        <v>53</v>
      </c>
      <c r="P238" s="3" t="s">
        <v>37</v>
      </c>
      <c r="Q238" s="3" t="s">
        <v>37</v>
      </c>
      <c r="R238" s="3" t="s">
        <v>39</v>
      </c>
      <c r="S238" s="3" t="s">
        <v>833</v>
      </c>
      <c r="T238" s="3"/>
      <c r="U238" s="3" t="s">
        <v>37</v>
      </c>
      <c r="V238" s="3" t="s">
        <v>327</v>
      </c>
    </row>
    <row r="239" spans="1:22" x14ac:dyDescent="0.25">
      <c r="A239" s="3" t="s">
        <v>22</v>
      </c>
      <c r="B239" s="4" t="s">
        <v>829</v>
      </c>
      <c r="C239" s="3" t="s">
        <v>830</v>
      </c>
      <c r="D239" s="5" t="s">
        <v>41</v>
      </c>
      <c r="E239" s="3" t="s">
        <v>130</v>
      </c>
      <c r="F239" s="3" t="s">
        <v>834</v>
      </c>
      <c r="G239" s="3" t="s">
        <v>317</v>
      </c>
      <c r="H239" s="3" t="s">
        <v>29</v>
      </c>
      <c r="I239" s="3" t="s">
        <v>324</v>
      </c>
      <c r="J239" s="3" t="s">
        <v>835</v>
      </c>
      <c r="K239" s="3" t="s">
        <v>32</v>
      </c>
      <c r="L239" s="3" t="s">
        <v>33</v>
      </c>
      <c r="M239" s="3" t="s">
        <v>74</v>
      </c>
      <c r="N239" s="3" t="s">
        <v>153</v>
      </c>
      <c r="O239" s="3" t="s">
        <v>53</v>
      </c>
      <c r="P239" s="3" t="s">
        <v>54</v>
      </c>
      <c r="Q239" s="3" t="s">
        <v>37</v>
      </c>
      <c r="R239" s="3" t="s">
        <v>39</v>
      </c>
      <c r="S239" s="3" t="s">
        <v>836</v>
      </c>
      <c r="T239" s="3"/>
      <c r="U239" s="3" t="s">
        <v>37</v>
      </c>
      <c r="V239" s="3" t="s">
        <v>327</v>
      </c>
    </row>
    <row r="240" spans="1:22" x14ac:dyDescent="0.25">
      <c r="A240" s="3" t="s">
        <v>22</v>
      </c>
      <c r="B240" s="4" t="s">
        <v>829</v>
      </c>
      <c r="C240" s="3" t="s">
        <v>830</v>
      </c>
      <c r="D240" s="5" t="s">
        <v>46</v>
      </c>
      <c r="E240" s="3" t="s">
        <v>47</v>
      </c>
      <c r="F240" s="3" t="s">
        <v>467</v>
      </c>
      <c r="G240" s="3" t="s">
        <v>133</v>
      </c>
      <c r="H240" s="3" t="s">
        <v>29</v>
      </c>
      <c r="I240" s="3" t="s">
        <v>707</v>
      </c>
      <c r="J240" s="3" t="s">
        <v>469</v>
      </c>
      <c r="K240" s="3" t="s">
        <v>32</v>
      </c>
      <c r="L240" s="3" t="s">
        <v>33</v>
      </c>
      <c r="M240" s="3" t="s">
        <v>34</v>
      </c>
      <c r="N240" s="3" t="s">
        <v>52</v>
      </c>
      <c r="O240" s="3" t="s">
        <v>53</v>
      </c>
      <c r="P240" s="3" t="s">
        <v>54</v>
      </c>
      <c r="Q240" s="3" t="s">
        <v>38</v>
      </c>
      <c r="R240" s="3" t="s">
        <v>39</v>
      </c>
      <c r="S240" s="3" t="s">
        <v>470</v>
      </c>
      <c r="T240" s="3"/>
      <c r="U240" s="3" t="s">
        <v>37</v>
      </c>
      <c r="V240" s="3" t="s">
        <v>37</v>
      </c>
    </row>
    <row r="241" spans="1:22" x14ac:dyDescent="0.25">
      <c r="A241" s="3" t="s">
        <v>22</v>
      </c>
      <c r="B241" s="4" t="s">
        <v>829</v>
      </c>
      <c r="C241" s="3" t="s">
        <v>830</v>
      </c>
      <c r="D241" s="5" t="s">
        <v>56</v>
      </c>
      <c r="E241" s="3" t="s">
        <v>47</v>
      </c>
      <c r="F241" s="3" t="s">
        <v>202</v>
      </c>
      <c r="G241" s="3" t="s">
        <v>88</v>
      </c>
      <c r="H241" s="3" t="s">
        <v>29</v>
      </c>
      <c r="I241" s="3" t="s">
        <v>50</v>
      </c>
      <c r="J241" s="3" t="s">
        <v>203</v>
      </c>
      <c r="K241" s="3" t="s">
        <v>32</v>
      </c>
      <c r="L241" s="3" t="s">
        <v>33</v>
      </c>
      <c r="M241" s="3" t="s">
        <v>34</v>
      </c>
      <c r="N241" s="3" t="s">
        <v>52</v>
      </c>
      <c r="O241" s="3" t="s">
        <v>53</v>
      </c>
      <c r="P241" s="3" t="s">
        <v>54</v>
      </c>
      <c r="Q241" s="3" t="s">
        <v>38</v>
      </c>
      <c r="R241" s="3" t="s">
        <v>39</v>
      </c>
      <c r="S241" s="3" t="s">
        <v>204</v>
      </c>
      <c r="T241" s="3"/>
      <c r="U241" s="3" t="s">
        <v>37</v>
      </c>
      <c r="V241" s="3" t="s">
        <v>37</v>
      </c>
    </row>
    <row r="242" spans="1:22" x14ac:dyDescent="0.25">
      <c r="A242" s="3" t="s">
        <v>22</v>
      </c>
      <c r="B242" s="4" t="s">
        <v>829</v>
      </c>
      <c r="C242" s="3" t="s">
        <v>830</v>
      </c>
      <c r="D242" s="5" t="s">
        <v>61</v>
      </c>
      <c r="E242" s="3" t="s">
        <v>47</v>
      </c>
      <c r="F242" s="3" t="s">
        <v>206</v>
      </c>
      <c r="G242" s="3" t="s">
        <v>207</v>
      </c>
      <c r="H242" s="3" t="s">
        <v>29</v>
      </c>
      <c r="I242" s="3" t="s">
        <v>50</v>
      </c>
      <c r="J242" s="3" t="s">
        <v>208</v>
      </c>
      <c r="K242" s="3" t="s">
        <v>32</v>
      </c>
      <c r="L242" s="3" t="s">
        <v>33</v>
      </c>
      <c r="M242" s="3" t="s">
        <v>34</v>
      </c>
      <c r="N242" s="3" t="s">
        <v>52</v>
      </c>
      <c r="O242" s="3" t="s">
        <v>53</v>
      </c>
      <c r="P242" s="3" t="s">
        <v>54</v>
      </c>
      <c r="Q242" s="3" t="s">
        <v>38</v>
      </c>
      <c r="R242" s="3" t="s">
        <v>39</v>
      </c>
      <c r="S242" s="3" t="s">
        <v>209</v>
      </c>
      <c r="T242" s="3"/>
      <c r="U242" s="3" t="s">
        <v>37</v>
      </c>
      <c r="V242" s="3" t="s">
        <v>37</v>
      </c>
    </row>
    <row r="243" spans="1:22" x14ac:dyDescent="0.25">
      <c r="A243" s="3" t="s">
        <v>22</v>
      </c>
      <c r="B243" s="4" t="s">
        <v>829</v>
      </c>
      <c r="C243" s="3" t="s">
        <v>830</v>
      </c>
      <c r="D243" s="5" t="s">
        <v>414</v>
      </c>
      <c r="E243" s="3" t="s">
        <v>47</v>
      </c>
      <c r="F243" s="3" t="s">
        <v>211</v>
      </c>
      <c r="G243" s="3" t="s">
        <v>212</v>
      </c>
      <c r="H243" s="3" t="s">
        <v>29</v>
      </c>
      <c r="I243" s="3" t="s">
        <v>50</v>
      </c>
      <c r="J243" s="3" t="s">
        <v>213</v>
      </c>
      <c r="K243" s="3" t="s">
        <v>32</v>
      </c>
      <c r="L243" s="3" t="s">
        <v>33</v>
      </c>
      <c r="M243" s="3" t="s">
        <v>34</v>
      </c>
      <c r="N243" s="3" t="s">
        <v>52</v>
      </c>
      <c r="O243" s="3" t="s">
        <v>53</v>
      </c>
      <c r="P243" s="3" t="s">
        <v>54</v>
      </c>
      <c r="Q243" s="3" t="s">
        <v>38</v>
      </c>
      <c r="R243" s="3" t="s">
        <v>39</v>
      </c>
      <c r="S243" s="3" t="s">
        <v>214</v>
      </c>
      <c r="T243" s="3"/>
      <c r="U243" s="3" t="s">
        <v>37</v>
      </c>
      <c r="V243" s="3" t="s">
        <v>37</v>
      </c>
    </row>
    <row r="244" spans="1:22" x14ac:dyDescent="0.25">
      <c r="A244" s="3" t="s">
        <v>22</v>
      </c>
      <c r="B244" s="4" t="s">
        <v>829</v>
      </c>
      <c r="C244" s="3" t="s">
        <v>830</v>
      </c>
      <c r="D244" s="5" t="s">
        <v>418</v>
      </c>
      <c r="E244" s="3" t="s">
        <v>419</v>
      </c>
      <c r="F244" s="3" t="s">
        <v>837</v>
      </c>
      <c r="G244" s="3" t="s">
        <v>29</v>
      </c>
      <c r="H244" s="3" t="s">
        <v>29</v>
      </c>
      <c r="I244" s="3" t="s">
        <v>838</v>
      </c>
      <c r="J244" s="3" t="s">
        <v>839</v>
      </c>
      <c r="K244" s="3" t="s">
        <v>32</v>
      </c>
      <c r="L244" s="3" t="s">
        <v>33</v>
      </c>
      <c r="M244" s="3" t="s">
        <v>34</v>
      </c>
      <c r="N244" s="3" t="s">
        <v>153</v>
      </c>
      <c r="O244" s="3" t="s">
        <v>36</v>
      </c>
      <c r="P244" s="3" t="s">
        <v>37</v>
      </c>
      <c r="Q244" s="3" t="s">
        <v>37</v>
      </c>
      <c r="R244" s="3" t="s">
        <v>39</v>
      </c>
      <c r="S244" s="3" t="s">
        <v>840</v>
      </c>
      <c r="T244" s="3"/>
      <c r="U244" s="3" t="s">
        <v>37</v>
      </c>
      <c r="V244" s="3" t="s">
        <v>37</v>
      </c>
    </row>
    <row r="245" spans="1:22" x14ac:dyDescent="0.25">
      <c r="A245" s="3" t="s">
        <v>22</v>
      </c>
      <c r="B245" s="4" t="s">
        <v>829</v>
      </c>
      <c r="C245" s="3" t="s">
        <v>830</v>
      </c>
      <c r="D245" s="5" t="s">
        <v>424</v>
      </c>
      <c r="E245" s="3" t="s">
        <v>419</v>
      </c>
      <c r="F245" s="3" t="s">
        <v>841</v>
      </c>
      <c r="G245" s="3" t="s">
        <v>133</v>
      </c>
      <c r="H245" s="3" t="s">
        <v>29</v>
      </c>
      <c r="I245" s="3" t="s">
        <v>426</v>
      </c>
      <c r="J245" s="3" t="s">
        <v>842</v>
      </c>
      <c r="K245" s="3" t="s">
        <v>32</v>
      </c>
      <c r="L245" s="3" t="s">
        <v>33</v>
      </c>
      <c r="M245" s="3" t="s">
        <v>34</v>
      </c>
      <c r="N245" s="3" t="s">
        <v>153</v>
      </c>
      <c r="O245" s="3" t="s">
        <v>36</v>
      </c>
      <c r="P245" s="3" t="s">
        <v>37</v>
      </c>
      <c r="Q245" s="3" t="s">
        <v>37</v>
      </c>
      <c r="R245" s="3" t="s">
        <v>39</v>
      </c>
      <c r="S245" s="3" t="s">
        <v>843</v>
      </c>
      <c r="T245" s="3"/>
      <c r="U245" s="3" t="s">
        <v>37</v>
      </c>
      <c r="V245" s="3" t="s">
        <v>37</v>
      </c>
    </row>
    <row r="246" spans="1:22" x14ac:dyDescent="0.25">
      <c r="A246" s="3" t="s">
        <v>22</v>
      </c>
      <c r="B246" s="4" t="s">
        <v>829</v>
      </c>
      <c r="C246" s="3" t="s">
        <v>830</v>
      </c>
      <c r="D246" s="5" t="s">
        <v>429</v>
      </c>
      <c r="E246" s="3" t="s">
        <v>62</v>
      </c>
      <c r="F246" s="3" t="s">
        <v>844</v>
      </c>
      <c r="G246" s="3" t="s">
        <v>341</v>
      </c>
      <c r="H246" s="3" t="s">
        <v>29</v>
      </c>
      <c r="I246" s="3" t="s">
        <v>65</v>
      </c>
      <c r="J246" s="3" t="s">
        <v>845</v>
      </c>
      <c r="K246" s="3" t="s">
        <v>32</v>
      </c>
      <c r="L246" s="3" t="s">
        <v>33</v>
      </c>
      <c r="M246" s="3" t="s">
        <v>34</v>
      </c>
      <c r="N246" s="3" t="s">
        <v>35</v>
      </c>
      <c r="O246" s="3" t="s">
        <v>67</v>
      </c>
      <c r="P246" s="3" t="s">
        <v>37</v>
      </c>
      <c r="Q246" s="3" t="s">
        <v>38</v>
      </c>
      <c r="R246" s="3" t="s">
        <v>39</v>
      </c>
      <c r="S246" s="3" t="s">
        <v>846</v>
      </c>
      <c r="T246" s="3"/>
      <c r="U246" s="3" t="s">
        <v>37</v>
      </c>
      <c r="V246" s="3" t="s">
        <v>37</v>
      </c>
    </row>
    <row r="247" spans="1:22" x14ac:dyDescent="0.25">
      <c r="A247" s="3" t="s">
        <v>22</v>
      </c>
      <c r="B247" s="4" t="s">
        <v>829</v>
      </c>
      <c r="C247" s="3" t="s">
        <v>830</v>
      </c>
      <c r="D247" s="5" t="s">
        <v>433</v>
      </c>
      <c r="E247" s="3" t="s">
        <v>165</v>
      </c>
      <c r="F247" s="3" t="s">
        <v>284</v>
      </c>
      <c r="G247" s="3" t="s">
        <v>285</v>
      </c>
      <c r="H247" s="3" t="s">
        <v>88</v>
      </c>
      <c r="I247" s="3" t="s">
        <v>37</v>
      </c>
      <c r="J247" s="3" t="s">
        <v>280</v>
      </c>
      <c r="K247" s="3" t="s">
        <v>32</v>
      </c>
      <c r="L247" s="3" t="s">
        <v>33</v>
      </c>
      <c r="M247" s="3" t="s">
        <v>74</v>
      </c>
      <c r="N247" s="3" t="s">
        <v>234</v>
      </c>
      <c r="O247" s="3" t="s">
        <v>37</v>
      </c>
      <c r="P247" s="3" t="s">
        <v>54</v>
      </c>
      <c r="Q247" s="3" t="s">
        <v>37</v>
      </c>
      <c r="R247" s="3" t="s">
        <v>39</v>
      </c>
      <c r="S247" s="3" t="s">
        <v>286</v>
      </c>
      <c r="T247" s="3"/>
      <c r="U247" s="3" t="s">
        <v>37</v>
      </c>
      <c r="V247" s="3" t="s">
        <v>37</v>
      </c>
    </row>
    <row r="248" spans="1:22" x14ac:dyDescent="0.25">
      <c r="A248" s="3" t="s">
        <v>22</v>
      </c>
      <c r="B248" s="4" t="s">
        <v>829</v>
      </c>
      <c r="C248" s="3" t="s">
        <v>830</v>
      </c>
      <c r="D248" s="5" t="s">
        <v>438</v>
      </c>
      <c r="E248" s="3" t="s">
        <v>165</v>
      </c>
      <c r="F248" s="3" t="s">
        <v>847</v>
      </c>
      <c r="G248" s="3" t="s">
        <v>572</v>
      </c>
      <c r="H248" s="3" t="s">
        <v>88</v>
      </c>
      <c r="I248" s="3" t="s">
        <v>37</v>
      </c>
      <c r="J248" s="3" t="s">
        <v>848</v>
      </c>
      <c r="K248" s="3" t="s">
        <v>32</v>
      </c>
      <c r="L248" s="3" t="s">
        <v>33</v>
      </c>
      <c r="M248" s="3" t="s">
        <v>74</v>
      </c>
      <c r="N248" s="3" t="s">
        <v>234</v>
      </c>
      <c r="O248" s="3" t="s">
        <v>53</v>
      </c>
      <c r="P248" s="3" t="s">
        <v>54</v>
      </c>
      <c r="Q248" s="3" t="s">
        <v>37</v>
      </c>
      <c r="R248" s="3" t="s">
        <v>39</v>
      </c>
      <c r="S248" s="3" t="s">
        <v>849</v>
      </c>
      <c r="T248" s="3"/>
      <c r="U248" s="3" t="s">
        <v>37</v>
      </c>
      <c r="V248" s="3" t="s">
        <v>37</v>
      </c>
    </row>
    <row r="249" spans="1:22" x14ac:dyDescent="0.25">
      <c r="A249" s="3" t="s">
        <v>22</v>
      </c>
      <c r="B249" s="4" t="s">
        <v>829</v>
      </c>
      <c r="C249" s="3" t="s">
        <v>830</v>
      </c>
      <c r="D249" s="5" t="s">
        <v>91</v>
      </c>
      <c r="E249" s="3" t="s">
        <v>47</v>
      </c>
      <c r="F249" s="3" t="s">
        <v>600</v>
      </c>
      <c r="G249" s="3" t="s">
        <v>601</v>
      </c>
      <c r="H249" s="3" t="s">
        <v>88</v>
      </c>
      <c r="I249" s="3" t="s">
        <v>50</v>
      </c>
      <c r="J249" s="3" t="s">
        <v>602</v>
      </c>
      <c r="K249" s="3" t="s">
        <v>32</v>
      </c>
      <c r="L249" s="3" t="s">
        <v>33</v>
      </c>
      <c r="M249" s="3" t="s">
        <v>34</v>
      </c>
      <c r="N249" s="3" t="s">
        <v>75</v>
      </c>
      <c r="O249" s="3" t="s">
        <v>53</v>
      </c>
      <c r="P249" s="3" t="s">
        <v>54</v>
      </c>
      <c r="Q249" s="3" t="s">
        <v>37</v>
      </c>
      <c r="R249" s="3" t="s">
        <v>39</v>
      </c>
      <c r="S249" s="3" t="s">
        <v>603</v>
      </c>
      <c r="T249" s="3"/>
      <c r="U249" s="3" t="s">
        <v>37</v>
      </c>
      <c r="V249" s="3" t="s">
        <v>37</v>
      </c>
    </row>
    <row r="250" spans="1:22" x14ac:dyDescent="0.25">
      <c r="A250" s="3" t="s">
        <v>22</v>
      </c>
      <c r="B250" s="4" t="s">
        <v>829</v>
      </c>
      <c r="C250" s="3" t="s">
        <v>830</v>
      </c>
      <c r="D250" s="5" t="s">
        <v>96</v>
      </c>
      <c r="E250" s="3" t="s">
        <v>70</v>
      </c>
      <c r="F250" s="3" t="s">
        <v>669</v>
      </c>
      <c r="G250" s="3" t="s">
        <v>232</v>
      </c>
      <c r="H250" s="3" t="s">
        <v>29</v>
      </c>
      <c r="I250" s="3" t="s">
        <v>37</v>
      </c>
      <c r="J250" s="3" t="s">
        <v>670</v>
      </c>
      <c r="K250" s="3" t="s">
        <v>32</v>
      </c>
      <c r="L250" s="3" t="s">
        <v>33</v>
      </c>
      <c r="M250" s="3" t="s">
        <v>74</v>
      </c>
      <c r="N250" s="3" t="s">
        <v>75</v>
      </c>
      <c r="O250" s="3" t="s">
        <v>37</v>
      </c>
      <c r="P250" s="3" t="s">
        <v>37</v>
      </c>
      <c r="Q250" s="3" t="s">
        <v>37</v>
      </c>
      <c r="R250" s="3" t="s">
        <v>39</v>
      </c>
      <c r="S250" s="3" t="s">
        <v>671</v>
      </c>
      <c r="T250" s="3"/>
      <c r="U250" s="3" t="s">
        <v>37</v>
      </c>
      <c r="V250" s="3" t="s">
        <v>37</v>
      </c>
    </row>
    <row r="251" spans="1:22" x14ac:dyDescent="0.25">
      <c r="A251" s="3" t="s">
        <v>22</v>
      </c>
      <c r="B251" s="4" t="s">
        <v>829</v>
      </c>
      <c r="C251" s="3" t="s">
        <v>830</v>
      </c>
      <c r="D251" s="5" t="s">
        <v>446</v>
      </c>
      <c r="E251" s="3" t="s">
        <v>70</v>
      </c>
      <c r="F251" s="3" t="s">
        <v>673</v>
      </c>
      <c r="G251" s="3" t="s">
        <v>226</v>
      </c>
      <c r="H251" s="3" t="s">
        <v>29</v>
      </c>
      <c r="I251" s="3" t="s">
        <v>37</v>
      </c>
      <c r="J251" s="3" t="s">
        <v>674</v>
      </c>
      <c r="K251" s="3" t="s">
        <v>32</v>
      </c>
      <c r="L251" s="3" t="s">
        <v>33</v>
      </c>
      <c r="M251" s="3" t="s">
        <v>74</v>
      </c>
      <c r="N251" s="3" t="s">
        <v>75</v>
      </c>
      <c r="O251" s="3" t="s">
        <v>53</v>
      </c>
      <c r="P251" s="3" t="s">
        <v>37</v>
      </c>
      <c r="Q251" s="3" t="s">
        <v>37</v>
      </c>
      <c r="R251" s="3" t="s">
        <v>39</v>
      </c>
      <c r="S251" s="3" t="s">
        <v>675</v>
      </c>
      <c r="T251" s="3"/>
      <c r="U251" s="3" t="s">
        <v>37</v>
      </c>
      <c r="V251" s="3" t="s">
        <v>37</v>
      </c>
    </row>
    <row r="252" spans="1:22" x14ac:dyDescent="0.25">
      <c r="A252" s="3" t="s">
        <v>22</v>
      </c>
      <c r="B252" s="4" t="s">
        <v>829</v>
      </c>
      <c r="C252" s="3" t="s">
        <v>830</v>
      </c>
      <c r="D252" s="5" t="s">
        <v>107</v>
      </c>
      <c r="E252" s="3" t="s">
        <v>450</v>
      </c>
      <c r="F252" s="3" t="s">
        <v>792</v>
      </c>
      <c r="G252" s="3" t="s">
        <v>591</v>
      </c>
      <c r="H252" s="3" t="s">
        <v>133</v>
      </c>
      <c r="I252" s="3" t="s">
        <v>37</v>
      </c>
      <c r="J252" s="3" t="s">
        <v>793</v>
      </c>
      <c r="K252" s="3" t="s">
        <v>32</v>
      </c>
      <c r="L252" s="3" t="s">
        <v>33</v>
      </c>
      <c r="M252" s="3" t="s">
        <v>386</v>
      </c>
      <c r="N252" s="3" t="s">
        <v>75</v>
      </c>
      <c r="O252" s="3" t="s">
        <v>53</v>
      </c>
      <c r="P252" s="3" t="s">
        <v>37</v>
      </c>
      <c r="Q252" s="3" t="s">
        <v>37</v>
      </c>
      <c r="R252" s="3" t="s">
        <v>39</v>
      </c>
      <c r="S252" s="3" t="s">
        <v>794</v>
      </c>
      <c r="T252" s="3" t="s">
        <v>282</v>
      </c>
      <c r="U252" s="3" t="s">
        <v>37</v>
      </c>
      <c r="V252" s="3" t="s">
        <v>37</v>
      </c>
    </row>
    <row r="253" spans="1:22" x14ac:dyDescent="0.25">
      <c r="A253" s="3" t="s">
        <v>22</v>
      </c>
      <c r="B253" s="4" t="s">
        <v>829</v>
      </c>
      <c r="C253" s="3" t="s">
        <v>830</v>
      </c>
      <c r="D253" s="5" t="s">
        <v>458</v>
      </c>
      <c r="E253" s="3" t="s">
        <v>450</v>
      </c>
      <c r="F253" s="3" t="s">
        <v>455</v>
      </c>
      <c r="G253" s="3" t="s">
        <v>456</v>
      </c>
      <c r="H253" s="3" t="s">
        <v>133</v>
      </c>
      <c r="I253" s="3" t="s">
        <v>37</v>
      </c>
      <c r="J253" s="3" t="s">
        <v>37</v>
      </c>
      <c r="K253" s="3" t="s">
        <v>32</v>
      </c>
      <c r="L253" s="3" t="s">
        <v>33</v>
      </c>
      <c r="M253" s="3" t="s">
        <v>74</v>
      </c>
      <c r="N253" s="3" t="s">
        <v>75</v>
      </c>
      <c r="O253" s="3" t="s">
        <v>37</v>
      </c>
      <c r="P253" s="3" t="s">
        <v>37</v>
      </c>
      <c r="Q253" s="3" t="s">
        <v>37</v>
      </c>
      <c r="R253" s="3" t="s">
        <v>39</v>
      </c>
      <c r="S253" s="3" t="s">
        <v>457</v>
      </c>
      <c r="T253" s="3"/>
      <c r="U253" s="3" t="s">
        <v>37</v>
      </c>
      <c r="V253" s="3" t="s">
        <v>37</v>
      </c>
    </row>
    <row r="254" spans="1:22" x14ac:dyDescent="0.25">
      <c r="A254" s="3" t="s">
        <v>22</v>
      </c>
      <c r="B254" s="4" t="s">
        <v>829</v>
      </c>
      <c r="C254" s="3" t="s">
        <v>830</v>
      </c>
      <c r="D254" s="5" t="s">
        <v>462</v>
      </c>
      <c r="E254" s="3" t="s">
        <v>47</v>
      </c>
      <c r="F254" s="3" t="s">
        <v>358</v>
      </c>
      <c r="G254" s="3" t="s">
        <v>359</v>
      </c>
      <c r="H254" s="3" t="s">
        <v>29</v>
      </c>
      <c r="I254" s="3" t="s">
        <v>50</v>
      </c>
      <c r="J254" s="3" t="s">
        <v>360</v>
      </c>
      <c r="K254" s="3" t="s">
        <v>32</v>
      </c>
      <c r="L254" s="3" t="s">
        <v>33</v>
      </c>
      <c r="M254" s="3" t="s">
        <v>34</v>
      </c>
      <c r="N254" s="3" t="s">
        <v>52</v>
      </c>
      <c r="O254" s="3" t="s">
        <v>53</v>
      </c>
      <c r="P254" s="3" t="s">
        <v>37</v>
      </c>
      <c r="Q254" s="3" t="s">
        <v>37</v>
      </c>
      <c r="R254" s="3" t="s">
        <v>39</v>
      </c>
      <c r="S254" s="3" t="s">
        <v>361</v>
      </c>
      <c r="T254" s="3"/>
      <c r="U254" s="3" t="s">
        <v>37</v>
      </c>
      <c r="V254" s="3" t="s">
        <v>37</v>
      </c>
    </row>
    <row r="255" spans="1:22" x14ac:dyDescent="0.25">
      <c r="A255" s="3" t="s">
        <v>22</v>
      </c>
      <c r="B255" s="4" t="s">
        <v>829</v>
      </c>
      <c r="C255" s="3" t="s">
        <v>830</v>
      </c>
      <c r="D255" s="5" t="s">
        <v>466</v>
      </c>
      <c r="E255" s="3" t="s">
        <v>47</v>
      </c>
      <c r="F255" s="3" t="s">
        <v>363</v>
      </c>
      <c r="G255" s="3" t="s">
        <v>72</v>
      </c>
      <c r="H255" s="3" t="s">
        <v>29</v>
      </c>
      <c r="I255" s="3" t="s">
        <v>50</v>
      </c>
      <c r="J255" s="3" t="s">
        <v>364</v>
      </c>
      <c r="K255" s="3" t="s">
        <v>32</v>
      </c>
      <c r="L255" s="3" t="s">
        <v>33</v>
      </c>
      <c r="M255" s="3" t="s">
        <v>34</v>
      </c>
      <c r="N255" s="3" t="s">
        <v>52</v>
      </c>
      <c r="O255" s="3" t="s">
        <v>53</v>
      </c>
      <c r="P255" s="3" t="s">
        <v>54</v>
      </c>
      <c r="Q255" s="3" t="s">
        <v>38</v>
      </c>
      <c r="R255" s="3" t="s">
        <v>39</v>
      </c>
      <c r="S255" s="3" t="s">
        <v>365</v>
      </c>
      <c r="T255" s="3"/>
      <c r="U255" s="3" t="s">
        <v>37</v>
      </c>
      <c r="V255" s="3" t="s">
        <v>37</v>
      </c>
    </row>
    <row r="256" spans="1:22" x14ac:dyDescent="0.25">
      <c r="A256" s="3" t="s">
        <v>22</v>
      </c>
      <c r="B256" s="4" t="s">
        <v>829</v>
      </c>
      <c r="C256" s="3" t="s">
        <v>830</v>
      </c>
      <c r="D256" s="5" t="s">
        <v>471</v>
      </c>
      <c r="E256" s="3" t="s">
        <v>62</v>
      </c>
      <c r="F256" s="3" t="s">
        <v>850</v>
      </c>
      <c r="G256" s="3" t="s">
        <v>851</v>
      </c>
      <c r="H256" s="3" t="s">
        <v>88</v>
      </c>
      <c r="I256" s="3" t="s">
        <v>474</v>
      </c>
      <c r="J256" s="3" t="s">
        <v>852</v>
      </c>
      <c r="K256" s="3" t="s">
        <v>32</v>
      </c>
      <c r="L256" s="3" t="s">
        <v>33</v>
      </c>
      <c r="M256" s="3" t="s">
        <v>34</v>
      </c>
      <c r="N256" s="3" t="s">
        <v>296</v>
      </c>
      <c r="O256" s="3" t="s">
        <v>67</v>
      </c>
      <c r="P256" s="3" t="s">
        <v>37</v>
      </c>
      <c r="Q256" s="3" t="s">
        <v>37</v>
      </c>
      <c r="R256" s="3" t="s">
        <v>39</v>
      </c>
      <c r="S256" s="3" t="s">
        <v>853</v>
      </c>
      <c r="T256" s="3"/>
      <c r="U256" s="3" t="s">
        <v>37</v>
      </c>
      <c r="V256" s="3" t="s">
        <v>37</v>
      </c>
    </row>
    <row r="257" spans="1:22" x14ac:dyDescent="0.25">
      <c r="A257" s="3" t="s">
        <v>22</v>
      </c>
      <c r="B257" s="4" t="s">
        <v>829</v>
      </c>
      <c r="C257" s="3" t="s">
        <v>830</v>
      </c>
      <c r="D257" s="5" t="s">
        <v>129</v>
      </c>
      <c r="E257" s="3" t="s">
        <v>149</v>
      </c>
      <c r="F257" s="3" t="s">
        <v>854</v>
      </c>
      <c r="G257" s="3" t="s">
        <v>855</v>
      </c>
      <c r="H257" s="3" t="s">
        <v>133</v>
      </c>
      <c r="I257" s="3" t="s">
        <v>856</v>
      </c>
      <c r="J257" s="3" t="s">
        <v>857</v>
      </c>
      <c r="K257" s="3" t="s">
        <v>32</v>
      </c>
      <c r="L257" s="3" t="s">
        <v>33</v>
      </c>
      <c r="M257" s="3" t="s">
        <v>34</v>
      </c>
      <c r="N257" s="3" t="s">
        <v>234</v>
      </c>
      <c r="O257" s="3" t="s">
        <v>53</v>
      </c>
      <c r="P257" s="3" t="s">
        <v>37</v>
      </c>
      <c r="Q257" s="3" t="s">
        <v>37</v>
      </c>
      <c r="R257" s="3" t="s">
        <v>39</v>
      </c>
      <c r="S257" s="3" t="s">
        <v>858</v>
      </c>
      <c r="T257" s="3"/>
      <c r="U257" s="3" t="s">
        <v>37</v>
      </c>
      <c r="V257" s="3" t="s">
        <v>37</v>
      </c>
    </row>
    <row r="258" spans="1:22" x14ac:dyDescent="0.25">
      <c r="A258" s="3" t="s">
        <v>22</v>
      </c>
      <c r="B258" s="4" t="s">
        <v>829</v>
      </c>
      <c r="C258" s="3" t="s">
        <v>830</v>
      </c>
      <c r="D258" s="5" t="s">
        <v>143</v>
      </c>
      <c r="E258" s="3" t="s">
        <v>584</v>
      </c>
      <c r="F258" s="3" t="s">
        <v>859</v>
      </c>
      <c r="G258" s="3" t="s">
        <v>350</v>
      </c>
      <c r="H258" s="3" t="s">
        <v>133</v>
      </c>
      <c r="I258" s="3" t="s">
        <v>860</v>
      </c>
      <c r="J258" s="3" t="s">
        <v>861</v>
      </c>
      <c r="K258" s="3" t="s">
        <v>32</v>
      </c>
      <c r="L258" s="3" t="s">
        <v>33</v>
      </c>
      <c r="M258" s="3" t="s">
        <v>74</v>
      </c>
      <c r="N258" s="3" t="s">
        <v>588</v>
      </c>
      <c r="O258" s="3" t="s">
        <v>53</v>
      </c>
      <c r="P258" s="3" t="s">
        <v>37</v>
      </c>
      <c r="Q258" s="3" t="s">
        <v>37</v>
      </c>
      <c r="R258" s="3" t="s">
        <v>39</v>
      </c>
      <c r="S258" s="3" t="s">
        <v>862</v>
      </c>
      <c r="T258" s="3"/>
      <c r="U258" s="3" t="s">
        <v>37</v>
      </c>
      <c r="V258" s="3" t="s">
        <v>37</v>
      </c>
    </row>
    <row r="259" spans="1:22" x14ac:dyDescent="0.25">
      <c r="A259" s="3" t="s">
        <v>22</v>
      </c>
      <c r="B259" s="4" t="s">
        <v>829</v>
      </c>
      <c r="C259" s="3" t="s">
        <v>830</v>
      </c>
      <c r="D259" s="5" t="s">
        <v>156</v>
      </c>
      <c r="E259" s="3" t="s">
        <v>584</v>
      </c>
      <c r="F259" s="3" t="s">
        <v>863</v>
      </c>
      <c r="G259" s="3" t="s">
        <v>87</v>
      </c>
      <c r="H259" s="3" t="s">
        <v>133</v>
      </c>
      <c r="I259" s="3" t="s">
        <v>864</v>
      </c>
      <c r="J259" s="3" t="s">
        <v>865</v>
      </c>
      <c r="K259" s="3" t="s">
        <v>32</v>
      </c>
      <c r="L259" s="3" t="s">
        <v>33</v>
      </c>
      <c r="M259" s="3" t="s">
        <v>74</v>
      </c>
      <c r="N259" s="3" t="s">
        <v>588</v>
      </c>
      <c r="O259" s="3" t="s">
        <v>53</v>
      </c>
      <c r="P259" s="3" t="s">
        <v>37</v>
      </c>
      <c r="Q259" s="3" t="s">
        <v>37</v>
      </c>
      <c r="R259" s="3" t="s">
        <v>39</v>
      </c>
      <c r="S259" s="3" t="s">
        <v>866</v>
      </c>
      <c r="T259" s="3"/>
      <c r="U259" s="3" t="s">
        <v>37</v>
      </c>
      <c r="V259" s="3" t="s">
        <v>37</v>
      </c>
    </row>
    <row r="260" spans="1:22" x14ac:dyDescent="0.25">
      <c r="A260" s="3" t="s">
        <v>22</v>
      </c>
      <c r="B260" s="4" t="s">
        <v>829</v>
      </c>
      <c r="C260" s="3" t="s">
        <v>830</v>
      </c>
      <c r="D260" s="5" t="s">
        <v>164</v>
      </c>
      <c r="E260" s="3" t="s">
        <v>47</v>
      </c>
      <c r="F260" s="3" t="s">
        <v>867</v>
      </c>
      <c r="G260" s="3" t="s">
        <v>732</v>
      </c>
      <c r="H260" s="3" t="s">
        <v>133</v>
      </c>
      <c r="I260" s="3" t="s">
        <v>50</v>
      </c>
      <c r="J260" s="3" t="s">
        <v>868</v>
      </c>
      <c r="K260" s="3" t="s">
        <v>32</v>
      </c>
      <c r="L260" s="3" t="s">
        <v>33</v>
      </c>
      <c r="M260" s="3" t="s">
        <v>34</v>
      </c>
      <c r="N260" s="3" t="s">
        <v>296</v>
      </c>
      <c r="O260" s="3" t="s">
        <v>53</v>
      </c>
      <c r="P260" s="3" t="s">
        <v>54</v>
      </c>
      <c r="Q260" s="3" t="s">
        <v>37</v>
      </c>
      <c r="R260" s="3" t="s">
        <v>39</v>
      </c>
      <c r="S260" s="3" t="s">
        <v>869</v>
      </c>
      <c r="T260" s="3"/>
      <c r="U260" s="3" t="s">
        <v>37</v>
      </c>
      <c r="V260" s="3" t="s">
        <v>37</v>
      </c>
    </row>
    <row r="261" spans="1:22" x14ac:dyDescent="0.25">
      <c r="A261" s="3" t="s">
        <v>22</v>
      </c>
      <c r="B261" s="4" t="s">
        <v>829</v>
      </c>
      <c r="C261" s="3" t="s">
        <v>830</v>
      </c>
      <c r="D261" s="5" t="s">
        <v>171</v>
      </c>
      <c r="E261" s="3" t="s">
        <v>47</v>
      </c>
      <c r="F261" s="3" t="s">
        <v>870</v>
      </c>
      <c r="G261" s="3" t="s">
        <v>478</v>
      </c>
      <c r="H261" s="3" t="s">
        <v>133</v>
      </c>
      <c r="I261" s="3" t="s">
        <v>50</v>
      </c>
      <c r="J261" s="3" t="s">
        <v>871</v>
      </c>
      <c r="K261" s="3" t="s">
        <v>32</v>
      </c>
      <c r="L261" s="3" t="s">
        <v>33</v>
      </c>
      <c r="M261" s="3" t="s">
        <v>34</v>
      </c>
      <c r="N261" s="3" t="s">
        <v>296</v>
      </c>
      <c r="O261" s="3" t="s">
        <v>53</v>
      </c>
      <c r="P261" s="3" t="s">
        <v>54</v>
      </c>
      <c r="Q261" s="3" t="s">
        <v>37</v>
      </c>
      <c r="R261" s="3" t="s">
        <v>39</v>
      </c>
      <c r="S261" s="3" t="s">
        <v>872</v>
      </c>
      <c r="T261" s="3"/>
      <c r="U261" s="3" t="s">
        <v>37</v>
      </c>
      <c r="V261" s="3" t="s">
        <v>37</v>
      </c>
    </row>
    <row r="262" spans="1:22" x14ac:dyDescent="0.25">
      <c r="A262" s="3" t="s">
        <v>22</v>
      </c>
      <c r="B262" s="4" t="s">
        <v>829</v>
      </c>
      <c r="C262" s="3" t="s">
        <v>830</v>
      </c>
      <c r="D262" s="5" t="s">
        <v>177</v>
      </c>
      <c r="E262" s="3" t="s">
        <v>47</v>
      </c>
      <c r="F262" s="3" t="s">
        <v>538</v>
      </c>
      <c r="G262" s="3" t="s">
        <v>539</v>
      </c>
      <c r="H262" s="3" t="s">
        <v>88</v>
      </c>
      <c r="I262" s="3" t="s">
        <v>50</v>
      </c>
      <c r="J262" s="3" t="s">
        <v>540</v>
      </c>
      <c r="K262" s="3" t="s">
        <v>32</v>
      </c>
      <c r="L262" s="3" t="s">
        <v>33</v>
      </c>
      <c r="M262" s="3" t="s">
        <v>34</v>
      </c>
      <c r="N262" s="3" t="s">
        <v>75</v>
      </c>
      <c r="O262" s="3" t="s">
        <v>53</v>
      </c>
      <c r="P262" s="3" t="s">
        <v>54</v>
      </c>
      <c r="Q262" s="3" t="s">
        <v>37</v>
      </c>
      <c r="R262" s="3" t="s">
        <v>39</v>
      </c>
      <c r="S262" s="3" t="s">
        <v>541</v>
      </c>
      <c r="T262" s="3"/>
      <c r="U262" s="3" t="s">
        <v>37</v>
      </c>
      <c r="V262" s="3" t="s">
        <v>37</v>
      </c>
    </row>
    <row r="263" spans="1:22" x14ac:dyDescent="0.25">
      <c r="A263" s="3" t="s">
        <v>22</v>
      </c>
      <c r="B263" s="4" t="s">
        <v>829</v>
      </c>
      <c r="C263" s="3" t="s">
        <v>830</v>
      </c>
      <c r="D263" s="5" t="s">
        <v>348</v>
      </c>
      <c r="E263" s="3" t="s">
        <v>47</v>
      </c>
      <c r="F263" s="3" t="s">
        <v>344</v>
      </c>
      <c r="G263" s="3" t="s">
        <v>345</v>
      </c>
      <c r="H263" s="3" t="s">
        <v>88</v>
      </c>
      <c r="I263" s="3" t="s">
        <v>50</v>
      </c>
      <c r="J263" s="3" t="s">
        <v>346</v>
      </c>
      <c r="K263" s="3" t="s">
        <v>32</v>
      </c>
      <c r="L263" s="3" t="s">
        <v>33</v>
      </c>
      <c r="M263" s="3" t="s">
        <v>34</v>
      </c>
      <c r="N263" s="3" t="s">
        <v>75</v>
      </c>
      <c r="O263" s="3" t="s">
        <v>53</v>
      </c>
      <c r="P263" s="3" t="s">
        <v>54</v>
      </c>
      <c r="Q263" s="3" t="s">
        <v>37</v>
      </c>
      <c r="R263" s="3" t="s">
        <v>39</v>
      </c>
      <c r="S263" s="3" t="s">
        <v>347</v>
      </c>
      <c r="T263" s="3"/>
      <c r="U263" s="3" t="s">
        <v>37</v>
      </c>
      <c r="V263" s="3" t="s">
        <v>37</v>
      </c>
    </row>
    <row r="264" spans="1:22" x14ac:dyDescent="0.25">
      <c r="A264" s="3" t="s">
        <v>22</v>
      </c>
      <c r="B264" s="4" t="s">
        <v>829</v>
      </c>
      <c r="C264" s="3" t="s">
        <v>830</v>
      </c>
      <c r="D264" s="5" t="s">
        <v>183</v>
      </c>
      <c r="E264" s="3" t="s">
        <v>873</v>
      </c>
      <c r="F264" s="3" t="s">
        <v>874</v>
      </c>
      <c r="G264" s="3" t="s">
        <v>572</v>
      </c>
      <c r="H264" s="3" t="s">
        <v>88</v>
      </c>
      <c r="I264" s="3" t="s">
        <v>875</v>
      </c>
      <c r="J264" s="3" t="s">
        <v>876</v>
      </c>
      <c r="K264" s="3" t="s">
        <v>32</v>
      </c>
      <c r="L264" s="3" t="s">
        <v>82</v>
      </c>
      <c r="M264" s="3" t="s">
        <v>34</v>
      </c>
      <c r="N264" s="3" t="s">
        <v>234</v>
      </c>
      <c r="O264" s="3" t="s">
        <v>37</v>
      </c>
      <c r="P264" s="3" t="s">
        <v>37</v>
      </c>
      <c r="Q264" s="3" t="s">
        <v>37</v>
      </c>
      <c r="R264" s="3" t="s">
        <v>39</v>
      </c>
      <c r="S264" s="3" t="s">
        <v>877</v>
      </c>
      <c r="T264" s="3" t="s">
        <v>282</v>
      </c>
      <c r="U264" s="3" t="s">
        <v>37</v>
      </c>
      <c r="V264" s="3" t="s">
        <v>37</v>
      </c>
    </row>
    <row r="265" spans="1:22" x14ac:dyDescent="0.25">
      <c r="A265" s="3" t="s">
        <v>22</v>
      </c>
      <c r="B265" s="4" t="s">
        <v>829</v>
      </c>
      <c r="C265" s="3" t="s">
        <v>830</v>
      </c>
      <c r="D265" s="5" t="s">
        <v>189</v>
      </c>
      <c r="E265" s="3" t="s">
        <v>873</v>
      </c>
      <c r="F265" s="3" t="s">
        <v>878</v>
      </c>
      <c r="G265" s="3" t="s">
        <v>692</v>
      </c>
      <c r="H265" s="3" t="s">
        <v>88</v>
      </c>
      <c r="I265" s="3" t="s">
        <v>879</v>
      </c>
      <c r="J265" s="3" t="s">
        <v>880</v>
      </c>
      <c r="K265" s="3" t="s">
        <v>32</v>
      </c>
      <c r="L265" s="3" t="s">
        <v>82</v>
      </c>
      <c r="M265" s="3" t="s">
        <v>34</v>
      </c>
      <c r="N265" s="3" t="s">
        <v>234</v>
      </c>
      <c r="O265" s="3" t="s">
        <v>37</v>
      </c>
      <c r="P265" s="3" t="s">
        <v>37</v>
      </c>
      <c r="Q265" s="3" t="s">
        <v>37</v>
      </c>
      <c r="R265" s="3" t="s">
        <v>39</v>
      </c>
      <c r="S265" s="3" t="s">
        <v>881</v>
      </c>
      <c r="T265" s="3" t="s">
        <v>282</v>
      </c>
      <c r="U265" s="3" t="s">
        <v>37</v>
      </c>
      <c r="V265" s="3" t="s">
        <v>37</v>
      </c>
    </row>
    <row r="266" spans="1:22" x14ac:dyDescent="0.25">
      <c r="A266" s="3" t="s">
        <v>22</v>
      </c>
      <c r="B266" s="4" t="s">
        <v>829</v>
      </c>
      <c r="C266" s="3" t="s">
        <v>830</v>
      </c>
      <c r="D266" s="5" t="s">
        <v>195</v>
      </c>
      <c r="E266" s="3" t="s">
        <v>873</v>
      </c>
      <c r="F266" s="3" t="s">
        <v>882</v>
      </c>
      <c r="G266" s="3" t="s">
        <v>767</v>
      </c>
      <c r="H266" s="3" t="s">
        <v>88</v>
      </c>
      <c r="I266" s="3" t="s">
        <v>883</v>
      </c>
      <c r="J266" s="3" t="s">
        <v>884</v>
      </c>
      <c r="K266" s="3" t="s">
        <v>32</v>
      </c>
      <c r="L266" s="3" t="s">
        <v>82</v>
      </c>
      <c r="M266" s="3" t="s">
        <v>34</v>
      </c>
      <c r="N266" s="3" t="s">
        <v>234</v>
      </c>
      <c r="O266" s="3" t="s">
        <v>37</v>
      </c>
      <c r="P266" s="3" t="s">
        <v>37</v>
      </c>
      <c r="Q266" s="3" t="s">
        <v>37</v>
      </c>
      <c r="R266" s="3" t="s">
        <v>39</v>
      </c>
      <c r="S266" s="3" t="s">
        <v>885</v>
      </c>
      <c r="T266" s="3" t="s">
        <v>282</v>
      </c>
      <c r="U266" s="3" t="s">
        <v>37</v>
      </c>
      <c r="V266" s="3" t="s">
        <v>37</v>
      </c>
    </row>
    <row r="267" spans="1:22" x14ac:dyDescent="0.25">
      <c r="A267" s="3" t="s">
        <v>22</v>
      </c>
      <c r="B267" s="4" t="s">
        <v>829</v>
      </c>
      <c r="C267" s="3" t="s">
        <v>830</v>
      </c>
      <c r="D267" s="5" t="s">
        <v>201</v>
      </c>
      <c r="E267" s="3" t="s">
        <v>178</v>
      </c>
      <c r="F267" s="3" t="s">
        <v>37</v>
      </c>
      <c r="G267" s="3" t="s">
        <v>37</v>
      </c>
      <c r="H267" s="3" t="s">
        <v>37</v>
      </c>
      <c r="I267" s="3" t="s">
        <v>179</v>
      </c>
      <c r="J267" s="3" t="s">
        <v>180</v>
      </c>
      <c r="K267" s="3" t="s">
        <v>81</v>
      </c>
      <c r="L267" s="3" t="s">
        <v>82</v>
      </c>
      <c r="M267" s="3" t="s">
        <v>34</v>
      </c>
      <c r="N267" s="3" t="s">
        <v>181</v>
      </c>
      <c r="O267" s="3" t="s">
        <v>37</v>
      </c>
      <c r="P267" s="3" t="s">
        <v>37</v>
      </c>
      <c r="Q267" s="3" t="s">
        <v>37</v>
      </c>
      <c r="R267" s="3" t="s">
        <v>39</v>
      </c>
      <c r="S267" s="3" t="s">
        <v>182</v>
      </c>
      <c r="T267" s="3"/>
      <c r="U267" s="3" t="s">
        <v>37</v>
      </c>
      <c r="V267" s="3" t="s">
        <v>37</v>
      </c>
    </row>
    <row r="268" spans="1:22" x14ac:dyDescent="0.25">
      <c r="A268" s="3" t="s">
        <v>22</v>
      </c>
      <c r="B268" s="4" t="s">
        <v>829</v>
      </c>
      <c r="C268" s="3" t="s">
        <v>830</v>
      </c>
      <c r="D268" s="5" t="s">
        <v>494</v>
      </c>
      <c r="E268" s="3" t="s">
        <v>47</v>
      </c>
      <c r="F268" s="3" t="s">
        <v>415</v>
      </c>
      <c r="G268" s="3" t="s">
        <v>191</v>
      </c>
      <c r="H268" s="3" t="s">
        <v>133</v>
      </c>
      <c r="I268" s="3" t="s">
        <v>50</v>
      </c>
      <c r="J268" s="3" t="s">
        <v>416</v>
      </c>
      <c r="K268" s="3" t="s">
        <v>32</v>
      </c>
      <c r="L268" s="3" t="s">
        <v>33</v>
      </c>
      <c r="M268" s="3" t="s">
        <v>34</v>
      </c>
      <c r="N268" s="3" t="s">
        <v>296</v>
      </c>
      <c r="O268" s="3" t="s">
        <v>105</v>
      </c>
      <c r="P268" s="3" t="s">
        <v>54</v>
      </c>
      <c r="Q268" s="3" t="s">
        <v>37</v>
      </c>
      <c r="R268" s="3" t="s">
        <v>39</v>
      </c>
      <c r="S268" s="3" t="s">
        <v>417</v>
      </c>
      <c r="T268" s="3"/>
      <c r="U268" s="3" t="s">
        <v>37</v>
      </c>
      <c r="V268" s="3" t="s">
        <v>37</v>
      </c>
    </row>
    <row r="269" spans="1:22" x14ac:dyDescent="0.25">
      <c r="A269" s="3" t="s">
        <v>22</v>
      </c>
      <c r="B269" s="4" t="s">
        <v>829</v>
      </c>
      <c r="C269" s="3" t="s">
        <v>830</v>
      </c>
      <c r="D269" s="5" t="s">
        <v>500</v>
      </c>
      <c r="E269" s="3" t="s">
        <v>47</v>
      </c>
      <c r="F269" s="3" t="s">
        <v>535</v>
      </c>
      <c r="G269" s="3" t="s">
        <v>197</v>
      </c>
      <c r="H269" s="3" t="s">
        <v>133</v>
      </c>
      <c r="I269" s="3" t="s">
        <v>50</v>
      </c>
      <c r="J269" s="3" t="s">
        <v>536</v>
      </c>
      <c r="K269" s="3" t="s">
        <v>32</v>
      </c>
      <c r="L269" s="3" t="s">
        <v>33</v>
      </c>
      <c r="M269" s="3" t="s">
        <v>34</v>
      </c>
      <c r="N269" s="3" t="s">
        <v>296</v>
      </c>
      <c r="O269" s="3" t="s">
        <v>53</v>
      </c>
      <c r="P269" s="3" t="s">
        <v>54</v>
      </c>
      <c r="Q269" s="3" t="s">
        <v>37</v>
      </c>
      <c r="R269" s="3" t="s">
        <v>39</v>
      </c>
      <c r="S269" s="3" t="s">
        <v>537</v>
      </c>
      <c r="T269" s="3"/>
      <c r="U269" s="3" t="s">
        <v>37</v>
      </c>
      <c r="V269" s="3" t="s">
        <v>37</v>
      </c>
    </row>
    <row r="270" spans="1:22" x14ac:dyDescent="0.25">
      <c r="A270" s="3" t="s">
        <v>22</v>
      </c>
      <c r="B270" s="4" t="s">
        <v>829</v>
      </c>
      <c r="C270" s="3" t="s">
        <v>830</v>
      </c>
      <c r="D270" s="5" t="s">
        <v>220</v>
      </c>
      <c r="E270" s="3" t="s">
        <v>184</v>
      </c>
      <c r="F270" s="3" t="s">
        <v>886</v>
      </c>
      <c r="G270" s="3" t="s">
        <v>341</v>
      </c>
      <c r="H270" s="3" t="s">
        <v>133</v>
      </c>
      <c r="I270" s="3" t="s">
        <v>887</v>
      </c>
      <c r="J270" s="3" t="s">
        <v>888</v>
      </c>
      <c r="K270" s="3" t="s">
        <v>32</v>
      </c>
      <c r="L270" s="3" t="s">
        <v>82</v>
      </c>
      <c r="M270" s="3" t="s">
        <v>74</v>
      </c>
      <c r="N270" s="3" t="s">
        <v>296</v>
      </c>
      <c r="O270" s="3" t="s">
        <v>36</v>
      </c>
      <c r="P270" s="3" t="s">
        <v>37</v>
      </c>
      <c r="Q270" s="3" t="s">
        <v>37</v>
      </c>
      <c r="R270" s="3" t="s">
        <v>39</v>
      </c>
      <c r="S270" s="3" t="s">
        <v>889</v>
      </c>
      <c r="T270" s="3"/>
      <c r="U270" s="3" t="s">
        <v>37</v>
      </c>
      <c r="V270" s="3" t="s">
        <v>37</v>
      </c>
    </row>
    <row r="271" spans="1:22" x14ac:dyDescent="0.25">
      <c r="A271" s="3" t="s">
        <v>22</v>
      </c>
      <c r="B271" s="4" t="s">
        <v>829</v>
      </c>
      <c r="C271" s="3" t="s">
        <v>830</v>
      </c>
      <c r="D271" s="5" t="s">
        <v>224</v>
      </c>
      <c r="E271" s="3" t="s">
        <v>184</v>
      </c>
      <c r="F271" s="3" t="s">
        <v>890</v>
      </c>
      <c r="G271" s="3" t="s">
        <v>732</v>
      </c>
      <c r="H271" s="3" t="s">
        <v>133</v>
      </c>
      <c r="I271" s="3" t="s">
        <v>891</v>
      </c>
      <c r="J271" s="3" t="s">
        <v>892</v>
      </c>
      <c r="K271" s="3" t="s">
        <v>32</v>
      </c>
      <c r="L271" s="3" t="s">
        <v>82</v>
      </c>
      <c r="M271" s="3" t="s">
        <v>74</v>
      </c>
      <c r="N271" s="3" t="s">
        <v>296</v>
      </c>
      <c r="O271" s="3" t="s">
        <v>36</v>
      </c>
      <c r="P271" s="3" t="s">
        <v>37</v>
      </c>
      <c r="Q271" s="3" t="s">
        <v>37</v>
      </c>
      <c r="R271" s="3" t="s">
        <v>39</v>
      </c>
      <c r="S271" s="3" t="s">
        <v>893</v>
      </c>
      <c r="T271" s="3"/>
      <c r="U271" s="3" t="s">
        <v>37</v>
      </c>
      <c r="V271" s="3" t="s">
        <v>37</v>
      </c>
    </row>
    <row r="272" spans="1:22" x14ac:dyDescent="0.25">
      <c r="A272" s="3" t="s">
        <v>22</v>
      </c>
      <c r="B272" s="4" t="s">
        <v>829</v>
      </c>
      <c r="C272" s="3" t="s">
        <v>830</v>
      </c>
      <c r="D272" s="5" t="s">
        <v>229</v>
      </c>
      <c r="E272" s="3" t="s">
        <v>509</v>
      </c>
      <c r="F272" s="3" t="s">
        <v>894</v>
      </c>
      <c r="G272" s="3" t="s">
        <v>581</v>
      </c>
      <c r="H272" s="3" t="s">
        <v>133</v>
      </c>
      <c r="I272" s="3" t="s">
        <v>37</v>
      </c>
      <c r="J272" s="3" t="s">
        <v>895</v>
      </c>
      <c r="K272" s="3" t="s">
        <v>32</v>
      </c>
      <c r="L272" s="3" t="s">
        <v>82</v>
      </c>
      <c r="M272" s="3" t="s">
        <v>74</v>
      </c>
      <c r="N272" s="3" t="s">
        <v>234</v>
      </c>
      <c r="O272" s="3" t="s">
        <v>36</v>
      </c>
      <c r="P272" s="3" t="s">
        <v>54</v>
      </c>
      <c r="Q272" s="3" t="s">
        <v>37</v>
      </c>
      <c r="R272" s="3" t="s">
        <v>39</v>
      </c>
      <c r="S272" s="3" t="s">
        <v>896</v>
      </c>
      <c r="T272" s="3"/>
      <c r="U272" s="3" t="s">
        <v>37</v>
      </c>
      <c r="V272" s="3" t="s">
        <v>37</v>
      </c>
    </row>
    <row r="273" spans="1:22" x14ac:dyDescent="0.25">
      <c r="A273" s="3" t="s">
        <v>22</v>
      </c>
      <c r="B273" s="4" t="s">
        <v>829</v>
      </c>
      <c r="C273" s="3" t="s">
        <v>830</v>
      </c>
      <c r="D273" s="5" t="s">
        <v>236</v>
      </c>
      <c r="E273" s="3" t="s">
        <v>509</v>
      </c>
      <c r="F273" s="3" t="s">
        <v>897</v>
      </c>
      <c r="G273" s="3" t="s">
        <v>781</v>
      </c>
      <c r="H273" s="3" t="s">
        <v>133</v>
      </c>
      <c r="I273" s="3" t="s">
        <v>37</v>
      </c>
      <c r="J273" s="3" t="s">
        <v>898</v>
      </c>
      <c r="K273" s="3" t="s">
        <v>32</v>
      </c>
      <c r="L273" s="3" t="s">
        <v>82</v>
      </c>
      <c r="M273" s="3" t="s">
        <v>74</v>
      </c>
      <c r="N273" s="3" t="s">
        <v>234</v>
      </c>
      <c r="O273" s="3" t="s">
        <v>36</v>
      </c>
      <c r="P273" s="3" t="s">
        <v>54</v>
      </c>
      <c r="Q273" s="3" t="s">
        <v>37</v>
      </c>
      <c r="R273" s="3" t="s">
        <v>39</v>
      </c>
      <c r="S273" s="3" t="s">
        <v>899</v>
      </c>
      <c r="T273" s="3"/>
      <c r="U273" s="3" t="s">
        <v>37</v>
      </c>
      <c r="V273" s="3" t="s">
        <v>37</v>
      </c>
    </row>
    <row r="274" spans="1:22" x14ac:dyDescent="0.25">
      <c r="A274" s="3" t="s">
        <v>22</v>
      </c>
      <c r="B274" s="4" t="s">
        <v>829</v>
      </c>
      <c r="C274" s="3" t="s">
        <v>830</v>
      </c>
      <c r="D274" s="5" t="s">
        <v>240</v>
      </c>
      <c r="E274" s="3" t="s">
        <v>517</v>
      </c>
      <c r="F274" s="3" t="s">
        <v>900</v>
      </c>
      <c r="G274" s="3" t="s">
        <v>488</v>
      </c>
      <c r="H274" s="3" t="s">
        <v>29</v>
      </c>
      <c r="I274" s="3" t="s">
        <v>901</v>
      </c>
      <c r="J274" s="3" t="s">
        <v>902</v>
      </c>
      <c r="K274" s="3" t="s">
        <v>32</v>
      </c>
      <c r="L274" s="3" t="s">
        <v>82</v>
      </c>
      <c r="M274" s="3" t="s">
        <v>522</v>
      </c>
      <c r="N274" s="3" t="s">
        <v>523</v>
      </c>
      <c r="O274" s="3" t="s">
        <v>524</v>
      </c>
      <c r="P274" s="3" t="s">
        <v>54</v>
      </c>
      <c r="Q274" s="3" t="s">
        <v>38</v>
      </c>
      <c r="R274" s="3" t="s">
        <v>39</v>
      </c>
      <c r="S274" s="3" t="s">
        <v>903</v>
      </c>
      <c r="T274" s="3"/>
      <c r="U274" s="3" t="s">
        <v>37</v>
      </c>
      <c r="V274" s="3" t="s">
        <v>37</v>
      </c>
    </row>
    <row r="275" spans="1:22" x14ac:dyDescent="0.25">
      <c r="A275" s="3"/>
      <c r="B275" s="4"/>
      <c r="C275" s="3"/>
      <c r="D275" s="5"/>
      <c r="E275" s="6" t="s">
        <v>249</v>
      </c>
      <c r="F275" s="3"/>
      <c r="G275" s="3"/>
      <c r="H275" s="3"/>
      <c r="I275" s="3"/>
      <c r="J275" s="3"/>
      <c r="K275" s="3"/>
      <c r="L275" s="3"/>
      <c r="M275" s="3"/>
      <c r="N275" s="3"/>
      <c r="O275" s="3"/>
      <c r="P275" s="3"/>
      <c r="Q275" s="3"/>
      <c r="R275" s="3"/>
      <c r="S275" s="3"/>
      <c r="T275" s="3"/>
      <c r="U275" s="3"/>
      <c r="V275" s="3"/>
    </row>
  </sheetData>
  <autoFilter ref="A1:V1"/>
  <pageMargins left="0.7" right="0.7" top="0.75" bottom="0.75" header="0.3" footer="0.3"/>
  <pageSetup orientation="portrai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359"/>
  <sheetViews>
    <sheetView tabSelected="1" workbookViewId="0">
      <selection activeCell="F30" sqref="E30:F30"/>
    </sheetView>
  </sheetViews>
  <sheetFormatPr defaultRowHeight="15" x14ac:dyDescent="0.25"/>
  <cols>
    <col min="2" max="2" width="11.28515625" customWidth="1"/>
    <col min="5" max="5" width="44.140625" customWidth="1"/>
    <col min="6" max="6" width="53.85546875" customWidth="1"/>
    <col min="10" max="10" width="45.85546875" customWidth="1"/>
  </cols>
  <sheetData>
    <row r="1" spans="1:22" s="1" customFormat="1" ht="14.45" customHeight="1"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ht="14.45" customHeight="1" x14ac:dyDescent="0.25">
      <c r="A2" s="3" t="s">
        <v>904</v>
      </c>
      <c r="B2" s="4" t="s">
        <v>23</v>
      </c>
      <c r="C2" s="3" t="s">
        <v>24</v>
      </c>
      <c r="D2" s="5" t="s">
        <v>25</v>
      </c>
      <c r="E2" s="3" t="s">
        <v>905</v>
      </c>
      <c r="F2" s="3" t="s">
        <v>906</v>
      </c>
      <c r="G2" s="3" t="s">
        <v>456</v>
      </c>
      <c r="H2" s="3" t="s">
        <v>88</v>
      </c>
      <c r="I2" s="3" t="s">
        <v>907</v>
      </c>
      <c r="J2" s="3" t="s">
        <v>908</v>
      </c>
      <c r="K2" s="3" t="s">
        <v>32</v>
      </c>
      <c r="L2" s="3" t="s">
        <v>33</v>
      </c>
      <c r="M2" s="3" t="s">
        <v>74</v>
      </c>
      <c r="N2" s="3" t="s">
        <v>909</v>
      </c>
      <c r="O2" s="3" t="s">
        <v>105</v>
      </c>
      <c r="P2" s="3" t="s">
        <v>37</v>
      </c>
      <c r="Q2" s="3" t="s">
        <v>37</v>
      </c>
      <c r="R2" s="3" t="s">
        <v>39</v>
      </c>
      <c r="S2" s="3" t="s">
        <v>910</v>
      </c>
      <c r="T2" s="3" t="s">
        <v>37</v>
      </c>
      <c r="U2" s="3" t="s">
        <v>37</v>
      </c>
      <c r="V2" s="3" t="s">
        <v>37</v>
      </c>
    </row>
    <row r="3" spans="1:22" ht="14.45" customHeight="1" x14ac:dyDescent="0.25">
      <c r="A3" s="3" t="s">
        <v>904</v>
      </c>
      <c r="B3" s="4" t="s">
        <v>23</v>
      </c>
      <c r="C3" s="3" t="s">
        <v>24</v>
      </c>
      <c r="D3" s="5" t="s">
        <v>911</v>
      </c>
      <c r="E3" s="3" t="s">
        <v>905</v>
      </c>
      <c r="F3" s="3" t="s">
        <v>912</v>
      </c>
      <c r="G3" s="3" t="s">
        <v>460</v>
      </c>
      <c r="H3" s="3" t="s">
        <v>88</v>
      </c>
      <c r="I3" s="3" t="s">
        <v>913</v>
      </c>
      <c r="J3" s="3" t="s">
        <v>914</v>
      </c>
      <c r="K3" s="3" t="s">
        <v>32</v>
      </c>
      <c r="L3" s="3" t="s">
        <v>33</v>
      </c>
      <c r="M3" s="3" t="s">
        <v>74</v>
      </c>
      <c r="N3" s="3" t="s">
        <v>909</v>
      </c>
      <c r="O3" s="3" t="s">
        <v>105</v>
      </c>
      <c r="P3" s="3" t="s">
        <v>37</v>
      </c>
      <c r="Q3" s="3" t="s">
        <v>37</v>
      </c>
      <c r="R3" s="3" t="s">
        <v>39</v>
      </c>
      <c r="S3" s="3" t="s">
        <v>915</v>
      </c>
      <c r="T3" s="3" t="s">
        <v>37</v>
      </c>
      <c r="U3" s="3" t="s">
        <v>37</v>
      </c>
      <c r="V3" s="3" t="s">
        <v>37</v>
      </c>
    </row>
    <row r="4" spans="1:22" ht="14.45" customHeight="1" x14ac:dyDescent="0.25">
      <c r="A4" s="3" t="s">
        <v>904</v>
      </c>
      <c r="B4" s="4" t="s">
        <v>23</v>
      </c>
      <c r="C4" s="3" t="s">
        <v>24</v>
      </c>
      <c r="D4" s="5" t="s">
        <v>46</v>
      </c>
      <c r="E4" s="3" t="s">
        <v>916</v>
      </c>
      <c r="F4" s="3" t="s">
        <v>917</v>
      </c>
      <c r="G4" s="3" t="s">
        <v>145</v>
      </c>
      <c r="H4" s="3" t="s">
        <v>29</v>
      </c>
      <c r="I4" s="3" t="s">
        <v>918</v>
      </c>
      <c r="J4" s="3" t="s">
        <v>919</v>
      </c>
      <c r="K4" s="3" t="s">
        <v>32</v>
      </c>
      <c r="L4" s="3" t="s">
        <v>33</v>
      </c>
      <c r="M4" s="3" t="s">
        <v>34</v>
      </c>
      <c r="N4" s="3" t="s">
        <v>75</v>
      </c>
      <c r="O4" s="3" t="s">
        <v>53</v>
      </c>
      <c r="P4" s="3" t="s">
        <v>37</v>
      </c>
      <c r="Q4" s="3" t="s">
        <v>37</v>
      </c>
      <c r="R4" s="3" t="s">
        <v>39</v>
      </c>
      <c r="S4" s="3" t="s">
        <v>920</v>
      </c>
      <c r="T4" s="3" t="s">
        <v>37</v>
      </c>
      <c r="U4" s="3" t="s">
        <v>37</v>
      </c>
      <c r="V4" s="3" t="s">
        <v>37</v>
      </c>
    </row>
    <row r="5" spans="1:22" ht="14.45" customHeight="1" x14ac:dyDescent="0.25">
      <c r="A5" s="3" t="s">
        <v>904</v>
      </c>
      <c r="B5" s="4" t="s">
        <v>23</v>
      </c>
      <c r="C5" s="3" t="s">
        <v>24</v>
      </c>
      <c r="D5" s="5" t="s">
        <v>921</v>
      </c>
      <c r="E5" s="3" t="s">
        <v>922</v>
      </c>
      <c r="F5" s="3" t="s">
        <v>923</v>
      </c>
      <c r="G5" s="3" t="s">
        <v>49</v>
      </c>
      <c r="H5" s="3" t="s">
        <v>29</v>
      </c>
      <c r="I5" s="3" t="s">
        <v>37</v>
      </c>
      <c r="J5" s="3" t="s">
        <v>924</v>
      </c>
      <c r="K5" s="3" t="s">
        <v>32</v>
      </c>
      <c r="L5" s="3" t="s">
        <v>33</v>
      </c>
      <c r="M5" s="3" t="s">
        <v>74</v>
      </c>
      <c r="N5" s="3" t="s">
        <v>75</v>
      </c>
      <c r="O5" s="3" t="s">
        <v>53</v>
      </c>
      <c r="P5" s="3" t="s">
        <v>37</v>
      </c>
      <c r="Q5" s="3" t="s">
        <v>37</v>
      </c>
      <c r="R5" s="3" t="s">
        <v>39</v>
      </c>
      <c r="S5" s="3" t="s">
        <v>925</v>
      </c>
      <c r="T5" s="3" t="s">
        <v>37</v>
      </c>
      <c r="U5" s="3" t="s">
        <v>37</v>
      </c>
      <c r="V5" s="3" t="s">
        <v>37</v>
      </c>
    </row>
    <row r="6" spans="1:22" ht="14.45" customHeight="1" x14ac:dyDescent="0.25">
      <c r="A6" s="3" t="s">
        <v>904</v>
      </c>
      <c r="B6" s="4" t="s">
        <v>23</v>
      </c>
      <c r="C6" s="3" t="s">
        <v>24</v>
      </c>
      <c r="D6" s="5" t="s">
        <v>926</v>
      </c>
      <c r="E6" s="3" t="s">
        <v>927</v>
      </c>
      <c r="F6" s="3" t="s">
        <v>928</v>
      </c>
      <c r="G6" s="3" t="s">
        <v>294</v>
      </c>
      <c r="H6" s="3" t="s">
        <v>29</v>
      </c>
      <c r="I6" s="3" t="s">
        <v>929</v>
      </c>
      <c r="J6" s="7" t="s">
        <v>930</v>
      </c>
      <c r="K6" s="3" t="s">
        <v>32</v>
      </c>
      <c r="L6" s="3" t="s">
        <v>33</v>
      </c>
      <c r="M6" s="3" t="s">
        <v>931</v>
      </c>
      <c r="N6" s="3" t="s">
        <v>234</v>
      </c>
      <c r="O6" s="3" t="s">
        <v>154</v>
      </c>
      <c r="P6" s="3" t="s">
        <v>37</v>
      </c>
      <c r="Q6" s="3" t="s">
        <v>37</v>
      </c>
      <c r="R6" s="3" t="s">
        <v>39</v>
      </c>
      <c r="S6" s="3" t="s">
        <v>932</v>
      </c>
      <c r="T6" s="3" t="s">
        <v>37</v>
      </c>
      <c r="U6" s="3" t="s">
        <v>37</v>
      </c>
      <c r="V6" s="3" t="s">
        <v>37</v>
      </c>
    </row>
    <row r="7" spans="1:22" ht="14.45" customHeight="1" x14ac:dyDescent="0.25">
      <c r="A7" s="3" t="s">
        <v>904</v>
      </c>
      <c r="B7" s="4" t="s">
        <v>23</v>
      </c>
      <c r="C7" s="3" t="s">
        <v>24</v>
      </c>
      <c r="D7" s="5" t="s">
        <v>933</v>
      </c>
      <c r="E7" s="3" t="s">
        <v>927</v>
      </c>
      <c r="F7" s="3" t="s">
        <v>934</v>
      </c>
      <c r="G7" s="3" t="s">
        <v>935</v>
      </c>
      <c r="H7" s="3" t="s">
        <v>29</v>
      </c>
      <c r="I7" s="3" t="s">
        <v>936</v>
      </c>
      <c r="J7" s="7" t="s">
        <v>930</v>
      </c>
      <c r="K7" s="3" t="s">
        <v>32</v>
      </c>
      <c r="L7" s="3" t="s">
        <v>33</v>
      </c>
      <c r="M7" s="3" t="s">
        <v>931</v>
      </c>
      <c r="N7" s="3" t="s">
        <v>234</v>
      </c>
      <c r="O7" s="3" t="s">
        <v>937</v>
      </c>
      <c r="P7" s="3" t="s">
        <v>37</v>
      </c>
      <c r="Q7" s="3" t="s">
        <v>37</v>
      </c>
      <c r="R7" s="3" t="s">
        <v>39</v>
      </c>
      <c r="S7" s="3" t="s">
        <v>938</v>
      </c>
      <c r="T7" s="3" t="s">
        <v>37</v>
      </c>
      <c r="U7" s="3" t="s">
        <v>37</v>
      </c>
      <c r="V7" s="3" t="s">
        <v>37</v>
      </c>
    </row>
    <row r="8" spans="1:22" ht="14.45" customHeight="1" x14ac:dyDescent="0.25">
      <c r="A8" s="3" t="s">
        <v>904</v>
      </c>
      <c r="B8" s="4" t="s">
        <v>23</v>
      </c>
      <c r="C8" s="3" t="s">
        <v>24</v>
      </c>
      <c r="D8" s="5" t="s">
        <v>939</v>
      </c>
      <c r="E8" s="3" t="s">
        <v>927</v>
      </c>
      <c r="F8" s="3" t="s">
        <v>940</v>
      </c>
      <c r="G8" s="3" t="s">
        <v>341</v>
      </c>
      <c r="H8" s="3" t="s">
        <v>29</v>
      </c>
      <c r="I8" s="3" t="s">
        <v>929</v>
      </c>
      <c r="J8" s="7" t="s">
        <v>930</v>
      </c>
      <c r="K8" s="3" t="s">
        <v>32</v>
      </c>
      <c r="L8" s="3" t="s">
        <v>33</v>
      </c>
      <c r="M8" s="3" t="s">
        <v>931</v>
      </c>
      <c r="N8" s="3" t="s">
        <v>234</v>
      </c>
      <c r="O8" s="3" t="s">
        <v>154</v>
      </c>
      <c r="P8" s="3" t="s">
        <v>37</v>
      </c>
      <c r="Q8" s="3" t="s">
        <v>37</v>
      </c>
      <c r="R8" s="3" t="s">
        <v>39</v>
      </c>
      <c r="S8" s="3" t="s">
        <v>941</v>
      </c>
      <c r="T8" s="3" t="s">
        <v>37</v>
      </c>
      <c r="U8" s="3" t="s">
        <v>37</v>
      </c>
      <c r="V8" s="3" t="s">
        <v>37</v>
      </c>
    </row>
    <row r="9" spans="1:22" ht="14.45" customHeight="1" x14ac:dyDescent="0.25">
      <c r="A9" s="3" t="s">
        <v>904</v>
      </c>
      <c r="B9" s="4" t="s">
        <v>23</v>
      </c>
      <c r="C9" s="3" t="s">
        <v>24</v>
      </c>
      <c r="D9" s="5" t="s">
        <v>942</v>
      </c>
      <c r="E9" s="3" t="s">
        <v>927</v>
      </c>
      <c r="F9" s="3" t="s">
        <v>943</v>
      </c>
      <c r="G9" s="3" t="s">
        <v>732</v>
      </c>
      <c r="H9" s="3" t="s">
        <v>29</v>
      </c>
      <c r="I9" s="3" t="s">
        <v>936</v>
      </c>
      <c r="J9" s="7" t="s">
        <v>930</v>
      </c>
      <c r="K9" s="3" t="s">
        <v>32</v>
      </c>
      <c r="L9" s="3" t="s">
        <v>33</v>
      </c>
      <c r="M9" s="3" t="s">
        <v>931</v>
      </c>
      <c r="N9" s="3" t="s">
        <v>234</v>
      </c>
      <c r="O9" s="3" t="s">
        <v>154</v>
      </c>
      <c r="P9" s="3" t="s">
        <v>37</v>
      </c>
      <c r="Q9" s="3" t="s">
        <v>37</v>
      </c>
      <c r="R9" s="3" t="s">
        <v>39</v>
      </c>
      <c r="S9" s="3" t="s">
        <v>944</v>
      </c>
      <c r="T9" s="3" t="s">
        <v>37</v>
      </c>
      <c r="U9" s="3" t="s">
        <v>37</v>
      </c>
      <c r="V9" s="3" t="s">
        <v>37</v>
      </c>
    </row>
    <row r="10" spans="1:22" ht="14.45" customHeight="1" x14ac:dyDescent="0.25">
      <c r="A10" s="3" t="s">
        <v>904</v>
      </c>
      <c r="B10" s="4" t="s">
        <v>23</v>
      </c>
      <c r="C10" s="3" t="s">
        <v>24</v>
      </c>
      <c r="D10" s="5" t="s">
        <v>945</v>
      </c>
      <c r="E10" s="3" t="s">
        <v>927</v>
      </c>
      <c r="F10" s="3" t="s">
        <v>946</v>
      </c>
      <c r="G10" s="3" t="s">
        <v>29</v>
      </c>
      <c r="H10" s="3" t="s">
        <v>29</v>
      </c>
      <c r="I10" s="3" t="s">
        <v>929</v>
      </c>
      <c r="J10" s="3" t="s">
        <v>947</v>
      </c>
      <c r="K10" s="3" t="s">
        <v>32</v>
      </c>
      <c r="L10" s="3" t="s">
        <v>33</v>
      </c>
      <c r="M10" s="3" t="s">
        <v>931</v>
      </c>
      <c r="N10" s="3" t="s">
        <v>234</v>
      </c>
      <c r="O10" s="3" t="s">
        <v>154</v>
      </c>
      <c r="P10" s="3" t="s">
        <v>37</v>
      </c>
      <c r="Q10" s="3" t="s">
        <v>37</v>
      </c>
      <c r="R10" s="3" t="s">
        <v>39</v>
      </c>
      <c r="S10" s="3" t="s">
        <v>948</v>
      </c>
      <c r="T10" s="3" t="s">
        <v>37</v>
      </c>
      <c r="U10" s="3" t="s">
        <v>37</v>
      </c>
      <c r="V10" s="3" t="s">
        <v>37</v>
      </c>
    </row>
    <row r="11" spans="1:22" ht="14.45" customHeight="1" x14ac:dyDescent="0.25">
      <c r="A11" s="3" t="s">
        <v>904</v>
      </c>
      <c r="B11" s="4" t="s">
        <v>23</v>
      </c>
      <c r="C11" s="3" t="s">
        <v>24</v>
      </c>
      <c r="D11" s="5" t="s">
        <v>283</v>
      </c>
      <c r="E11" s="3" t="s">
        <v>927</v>
      </c>
      <c r="F11" s="3" t="s">
        <v>949</v>
      </c>
      <c r="G11" s="3" t="s">
        <v>72</v>
      </c>
      <c r="H11" s="3" t="s">
        <v>29</v>
      </c>
      <c r="I11" s="3" t="s">
        <v>929</v>
      </c>
      <c r="J11" s="7" t="s">
        <v>930</v>
      </c>
      <c r="K11" s="3" t="s">
        <v>32</v>
      </c>
      <c r="L11" s="3" t="s">
        <v>33</v>
      </c>
      <c r="M11" s="3" t="s">
        <v>931</v>
      </c>
      <c r="N11" s="3" t="s">
        <v>234</v>
      </c>
      <c r="O11" s="3" t="s">
        <v>154</v>
      </c>
      <c r="P11" s="3" t="s">
        <v>37</v>
      </c>
      <c r="Q11" s="3" t="s">
        <v>37</v>
      </c>
      <c r="R11" s="3" t="s">
        <v>39</v>
      </c>
      <c r="S11" s="3" t="s">
        <v>950</v>
      </c>
      <c r="T11" s="3" t="s">
        <v>37</v>
      </c>
      <c r="U11" s="3" t="s">
        <v>37</v>
      </c>
      <c r="V11" s="3" t="s">
        <v>37</v>
      </c>
    </row>
    <row r="12" spans="1:22" ht="14.45" customHeight="1" x14ac:dyDescent="0.25">
      <c r="A12" s="3" t="s">
        <v>904</v>
      </c>
      <c r="B12" s="4" t="s">
        <v>23</v>
      </c>
      <c r="C12" s="3" t="s">
        <v>24</v>
      </c>
      <c r="D12" s="5" t="s">
        <v>951</v>
      </c>
      <c r="E12" s="3" t="s">
        <v>952</v>
      </c>
      <c r="F12" s="3" t="s">
        <v>953</v>
      </c>
      <c r="G12" s="3" t="s">
        <v>98</v>
      </c>
      <c r="H12" s="3" t="s">
        <v>88</v>
      </c>
      <c r="I12" s="3" t="s">
        <v>37</v>
      </c>
      <c r="J12" s="3" t="s">
        <v>954</v>
      </c>
      <c r="K12" s="3" t="s">
        <v>32</v>
      </c>
      <c r="L12" s="3" t="s">
        <v>33</v>
      </c>
      <c r="M12" s="3" t="s">
        <v>74</v>
      </c>
      <c r="N12" s="3" t="s">
        <v>234</v>
      </c>
      <c r="O12" s="3" t="s">
        <v>105</v>
      </c>
      <c r="P12" s="3" t="s">
        <v>37</v>
      </c>
      <c r="Q12" s="3" t="s">
        <v>37</v>
      </c>
      <c r="R12" s="3" t="s">
        <v>39</v>
      </c>
      <c r="S12" s="3" t="s">
        <v>955</v>
      </c>
      <c r="T12" s="3" t="s">
        <v>37</v>
      </c>
      <c r="U12" s="3" t="s">
        <v>37</v>
      </c>
      <c r="V12" s="3" t="s">
        <v>37</v>
      </c>
    </row>
    <row r="13" spans="1:22" ht="14.45" customHeight="1" x14ac:dyDescent="0.25">
      <c r="A13" s="3" t="s">
        <v>904</v>
      </c>
      <c r="B13" s="4" t="s">
        <v>23</v>
      </c>
      <c r="C13" s="3" t="s">
        <v>24</v>
      </c>
      <c r="D13" s="5" t="s">
        <v>956</v>
      </c>
      <c r="E13" s="3" t="s">
        <v>952</v>
      </c>
      <c r="F13" s="3" t="s">
        <v>957</v>
      </c>
      <c r="G13" s="3" t="s">
        <v>440</v>
      </c>
      <c r="H13" s="3" t="s">
        <v>88</v>
      </c>
      <c r="I13" s="3" t="s">
        <v>37</v>
      </c>
      <c r="J13" s="8" t="s">
        <v>958</v>
      </c>
      <c r="K13" s="3" t="s">
        <v>32</v>
      </c>
      <c r="L13" s="3" t="s">
        <v>33</v>
      </c>
      <c r="M13" s="3" t="s">
        <v>74</v>
      </c>
      <c r="N13" s="3" t="s">
        <v>234</v>
      </c>
      <c r="O13" s="3" t="s">
        <v>105</v>
      </c>
      <c r="P13" s="3" t="s">
        <v>37</v>
      </c>
      <c r="Q13" s="3" t="s">
        <v>37</v>
      </c>
      <c r="R13" s="3" t="s">
        <v>39</v>
      </c>
      <c r="S13" s="3" t="s">
        <v>959</v>
      </c>
      <c r="T13" s="3" t="s">
        <v>37</v>
      </c>
      <c r="U13" s="3" t="s">
        <v>37</v>
      </c>
      <c r="V13" s="3" t="s">
        <v>37</v>
      </c>
    </row>
    <row r="14" spans="1:22" ht="14.45" customHeight="1" x14ac:dyDescent="0.25">
      <c r="A14" s="3" t="s">
        <v>904</v>
      </c>
      <c r="B14" s="4" t="s">
        <v>23</v>
      </c>
      <c r="C14" s="3" t="s">
        <v>24</v>
      </c>
      <c r="D14" s="5" t="s">
        <v>960</v>
      </c>
      <c r="E14" s="3" t="s">
        <v>961</v>
      </c>
      <c r="F14" s="3" t="s">
        <v>962</v>
      </c>
      <c r="G14" s="3" t="s">
        <v>217</v>
      </c>
      <c r="H14" s="3" t="s">
        <v>29</v>
      </c>
      <c r="I14" s="3" t="s">
        <v>37</v>
      </c>
      <c r="J14" s="3" t="s">
        <v>963</v>
      </c>
      <c r="K14" s="3" t="s">
        <v>32</v>
      </c>
      <c r="L14" s="3" t="s">
        <v>33</v>
      </c>
      <c r="M14" s="3" t="s">
        <v>74</v>
      </c>
      <c r="N14" s="3" t="s">
        <v>234</v>
      </c>
      <c r="O14" s="3" t="s">
        <v>105</v>
      </c>
      <c r="P14" s="3" t="s">
        <v>37</v>
      </c>
      <c r="Q14" s="3" t="s">
        <v>37</v>
      </c>
      <c r="R14" s="3" t="s">
        <v>39</v>
      </c>
      <c r="S14" s="3" t="s">
        <v>964</v>
      </c>
      <c r="T14" s="3"/>
      <c r="U14" s="3" t="s">
        <v>37</v>
      </c>
      <c r="V14" s="3" t="s">
        <v>37</v>
      </c>
    </row>
    <row r="15" spans="1:22" ht="14.45" customHeight="1" x14ac:dyDescent="0.25">
      <c r="A15" s="3" t="s">
        <v>904</v>
      </c>
      <c r="B15" s="4" t="s">
        <v>23</v>
      </c>
      <c r="C15" s="3" t="s">
        <v>24</v>
      </c>
      <c r="D15" s="5" t="s">
        <v>965</v>
      </c>
      <c r="E15" s="3" t="s">
        <v>922</v>
      </c>
      <c r="F15" s="3" t="s">
        <v>966</v>
      </c>
      <c r="G15" s="3" t="s">
        <v>232</v>
      </c>
      <c r="H15" s="3" t="s">
        <v>29</v>
      </c>
      <c r="I15" s="3" t="s">
        <v>37</v>
      </c>
      <c r="J15" s="3" t="s">
        <v>967</v>
      </c>
      <c r="K15" s="3" t="s">
        <v>32</v>
      </c>
      <c r="L15" s="3" t="s">
        <v>33</v>
      </c>
      <c r="M15" s="3" t="s">
        <v>74</v>
      </c>
      <c r="N15" s="3" t="s">
        <v>75</v>
      </c>
      <c r="O15" s="3" t="s">
        <v>53</v>
      </c>
      <c r="P15" s="3" t="s">
        <v>37</v>
      </c>
      <c r="Q15" s="3" t="s">
        <v>37</v>
      </c>
      <c r="R15" s="3" t="s">
        <v>39</v>
      </c>
      <c r="S15" s="3" t="s">
        <v>968</v>
      </c>
      <c r="T15" s="3" t="s">
        <v>37</v>
      </c>
      <c r="U15" s="3" t="s">
        <v>37</v>
      </c>
      <c r="V15" s="3" t="s">
        <v>37</v>
      </c>
    </row>
    <row r="16" spans="1:22" ht="14.45" customHeight="1" x14ac:dyDescent="0.25">
      <c r="A16" s="3" t="s">
        <v>904</v>
      </c>
      <c r="B16" s="4" t="s">
        <v>23</v>
      </c>
      <c r="C16" s="3" t="s">
        <v>24</v>
      </c>
      <c r="D16" s="5" t="s">
        <v>969</v>
      </c>
      <c r="E16" s="3" t="s">
        <v>970</v>
      </c>
      <c r="F16" s="3" t="s">
        <v>37</v>
      </c>
      <c r="G16" s="9">
        <v>1</v>
      </c>
      <c r="H16" s="9">
        <v>0</v>
      </c>
      <c r="I16" s="3" t="s">
        <v>971</v>
      </c>
      <c r="J16" s="3" t="s">
        <v>972</v>
      </c>
      <c r="K16" s="3" t="s">
        <v>290</v>
      </c>
      <c r="L16" s="3" t="s">
        <v>33</v>
      </c>
      <c r="M16" s="3" t="s">
        <v>74</v>
      </c>
      <c r="N16" s="3" t="s">
        <v>153</v>
      </c>
      <c r="O16" s="3" t="s">
        <v>973</v>
      </c>
      <c r="P16" s="3" t="s">
        <v>37</v>
      </c>
      <c r="Q16" s="3" t="s">
        <v>37</v>
      </c>
      <c r="R16" s="3" t="s">
        <v>39</v>
      </c>
      <c r="S16" s="3" t="s">
        <v>974</v>
      </c>
      <c r="T16" s="3" t="s">
        <v>37</v>
      </c>
      <c r="U16" s="3" t="s">
        <v>37</v>
      </c>
      <c r="V16" s="3" t="s">
        <v>37</v>
      </c>
    </row>
    <row r="17" spans="1:22" ht="14.45" customHeight="1" x14ac:dyDescent="0.25">
      <c r="A17" s="3" t="s">
        <v>904</v>
      </c>
      <c r="B17" s="4" t="s">
        <v>23</v>
      </c>
      <c r="C17" s="3" t="s">
        <v>24</v>
      </c>
      <c r="D17" s="5" t="s">
        <v>975</v>
      </c>
      <c r="E17" s="3" t="s">
        <v>922</v>
      </c>
      <c r="F17" s="3" t="s">
        <v>976</v>
      </c>
      <c r="G17" s="3" t="s">
        <v>64</v>
      </c>
      <c r="H17" s="3" t="s">
        <v>29</v>
      </c>
      <c r="I17" s="3" t="s">
        <v>37</v>
      </c>
      <c r="J17" s="3" t="s">
        <v>977</v>
      </c>
      <c r="K17" s="3" t="s">
        <v>32</v>
      </c>
      <c r="L17" s="3" t="s">
        <v>33</v>
      </c>
      <c r="M17" s="3" t="s">
        <v>74</v>
      </c>
      <c r="N17" s="3" t="s">
        <v>75</v>
      </c>
      <c r="O17" s="3" t="s">
        <v>53</v>
      </c>
      <c r="P17" s="3" t="s">
        <v>37</v>
      </c>
      <c r="Q17" s="3" t="s">
        <v>37</v>
      </c>
      <c r="R17" s="3" t="s">
        <v>39</v>
      </c>
      <c r="S17" s="3" t="s">
        <v>978</v>
      </c>
      <c r="T17" s="3" t="s">
        <v>37</v>
      </c>
      <c r="U17" s="3" t="s">
        <v>37</v>
      </c>
      <c r="V17" s="3" t="s">
        <v>37</v>
      </c>
    </row>
    <row r="18" spans="1:22" ht="14.45" customHeight="1" x14ac:dyDescent="0.25">
      <c r="A18" s="3" t="s">
        <v>904</v>
      </c>
      <c r="B18" s="4" t="s">
        <v>23</v>
      </c>
      <c r="C18" s="3" t="s">
        <v>24</v>
      </c>
      <c r="D18" s="5" t="s">
        <v>979</v>
      </c>
      <c r="E18" s="3" t="s">
        <v>922</v>
      </c>
      <c r="F18" s="3" t="s">
        <v>980</v>
      </c>
      <c r="G18" s="3" t="s">
        <v>110</v>
      </c>
      <c r="H18" s="3" t="s">
        <v>29</v>
      </c>
      <c r="I18" s="3" t="s">
        <v>37</v>
      </c>
      <c r="J18" s="3" t="s">
        <v>981</v>
      </c>
      <c r="K18" s="3" t="s">
        <v>32</v>
      </c>
      <c r="L18" s="3" t="s">
        <v>33</v>
      </c>
      <c r="M18" s="3" t="s">
        <v>74</v>
      </c>
      <c r="N18" s="3" t="s">
        <v>75</v>
      </c>
      <c r="O18" s="3" t="s">
        <v>37</v>
      </c>
      <c r="P18" s="3" t="s">
        <v>37</v>
      </c>
      <c r="Q18" s="3" t="s">
        <v>37</v>
      </c>
      <c r="R18" s="3" t="s">
        <v>39</v>
      </c>
      <c r="S18" s="3" t="s">
        <v>982</v>
      </c>
      <c r="T18" s="3" t="s">
        <v>37</v>
      </c>
      <c r="U18" s="3" t="s">
        <v>37</v>
      </c>
      <c r="V18" s="3" t="s">
        <v>37</v>
      </c>
    </row>
    <row r="19" spans="1:22" ht="14.45" customHeight="1" x14ac:dyDescent="0.25">
      <c r="A19" s="3" t="s">
        <v>904</v>
      </c>
      <c r="B19" s="4" t="s">
        <v>23</v>
      </c>
      <c r="C19" s="3" t="s">
        <v>24</v>
      </c>
      <c r="D19" s="5" t="s">
        <v>120</v>
      </c>
      <c r="E19" s="3" t="s">
        <v>922</v>
      </c>
      <c r="F19" s="3" t="s">
        <v>983</v>
      </c>
      <c r="G19" s="3" t="s">
        <v>145</v>
      </c>
      <c r="H19" s="3" t="s">
        <v>29</v>
      </c>
      <c r="I19" s="3" t="s">
        <v>37</v>
      </c>
      <c r="J19" s="3" t="s">
        <v>984</v>
      </c>
      <c r="K19" s="3" t="s">
        <v>32</v>
      </c>
      <c r="L19" s="3" t="s">
        <v>33</v>
      </c>
      <c r="M19" s="3" t="s">
        <v>74</v>
      </c>
      <c r="N19" s="3" t="s">
        <v>75</v>
      </c>
      <c r="O19" s="3" t="s">
        <v>37</v>
      </c>
      <c r="P19" s="3" t="s">
        <v>37</v>
      </c>
      <c r="Q19" s="3" t="s">
        <v>37</v>
      </c>
      <c r="R19" s="3" t="s">
        <v>39</v>
      </c>
      <c r="S19" s="3" t="s">
        <v>985</v>
      </c>
      <c r="T19" s="3" t="s">
        <v>37</v>
      </c>
      <c r="U19" s="3" t="s">
        <v>37</v>
      </c>
      <c r="V19" s="3" t="s">
        <v>37</v>
      </c>
    </row>
    <row r="20" spans="1:22" ht="14.45" customHeight="1" x14ac:dyDescent="0.25">
      <c r="A20" s="3" t="s">
        <v>904</v>
      </c>
      <c r="B20" s="4" t="s">
        <v>23</v>
      </c>
      <c r="C20" s="3" t="s">
        <v>24</v>
      </c>
      <c r="D20" s="5" t="s">
        <v>466</v>
      </c>
      <c r="E20" s="3" t="s">
        <v>922</v>
      </c>
      <c r="F20" s="3" t="s">
        <v>986</v>
      </c>
      <c r="G20" s="3" t="s">
        <v>395</v>
      </c>
      <c r="H20" s="3" t="s">
        <v>29</v>
      </c>
      <c r="I20" s="3" t="s">
        <v>37</v>
      </c>
      <c r="J20" s="8" t="s">
        <v>987</v>
      </c>
      <c r="K20" s="3" t="s">
        <v>32</v>
      </c>
      <c r="L20" s="3" t="s">
        <v>33</v>
      </c>
      <c r="M20" s="3" t="s">
        <v>74</v>
      </c>
      <c r="N20" s="3" t="s">
        <v>75</v>
      </c>
      <c r="O20" s="3" t="s">
        <v>53</v>
      </c>
      <c r="P20" s="3" t="s">
        <v>37</v>
      </c>
      <c r="Q20" s="3" t="s">
        <v>37</v>
      </c>
      <c r="R20" s="3" t="s">
        <v>39</v>
      </c>
      <c r="S20" s="3" t="s">
        <v>988</v>
      </c>
      <c r="T20" s="3" t="s">
        <v>37</v>
      </c>
      <c r="U20" s="3" t="s">
        <v>37</v>
      </c>
      <c r="V20" s="3" t="s">
        <v>37</v>
      </c>
    </row>
    <row r="21" spans="1:22" ht="14.45" customHeight="1" x14ac:dyDescent="0.25">
      <c r="A21" s="3" t="s">
        <v>904</v>
      </c>
      <c r="B21" s="4" t="s">
        <v>23</v>
      </c>
      <c r="C21" s="3" t="s">
        <v>24</v>
      </c>
      <c r="D21" s="5" t="s">
        <v>129</v>
      </c>
      <c r="E21" s="3" t="s">
        <v>922</v>
      </c>
      <c r="F21" s="3" t="s">
        <v>989</v>
      </c>
      <c r="G21" s="3" t="s">
        <v>29</v>
      </c>
      <c r="H21" s="3" t="s">
        <v>29</v>
      </c>
      <c r="I21" s="3" t="s">
        <v>37</v>
      </c>
      <c r="J21" s="3" t="s">
        <v>990</v>
      </c>
      <c r="K21" s="3" t="s">
        <v>32</v>
      </c>
      <c r="L21" s="3" t="s">
        <v>33</v>
      </c>
      <c r="M21" s="3" t="s">
        <v>74</v>
      </c>
      <c r="N21" s="3" t="s">
        <v>75</v>
      </c>
      <c r="O21" s="3" t="s">
        <v>53</v>
      </c>
      <c r="P21" s="3" t="s">
        <v>37</v>
      </c>
      <c r="Q21" s="3" t="s">
        <v>37</v>
      </c>
      <c r="R21" s="3" t="s">
        <v>39</v>
      </c>
      <c r="S21" s="3" t="s">
        <v>991</v>
      </c>
      <c r="T21" s="3" t="s">
        <v>37</v>
      </c>
      <c r="U21" s="3" t="s">
        <v>37</v>
      </c>
      <c r="V21" s="3" t="s">
        <v>37</v>
      </c>
    </row>
    <row r="22" spans="1:22" ht="14.45" customHeight="1" x14ac:dyDescent="0.25">
      <c r="A22" s="3" t="s">
        <v>904</v>
      </c>
      <c r="B22" s="4" t="s">
        <v>23</v>
      </c>
      <c r="C22" s="3" t="s">
        <v>24</v>
      </c>
      <c r="D22" s="5" t="s">
        <v>992</v>
      </c>
      <c r="E22" s="3" t="s">
        <v>922</v>
      </c>
      <c r="F22" s="3" t="s">
        <v>993</v>
      </c>
      <c r="G22" s="3" t="s">
        <v>133</v>
      </c>
      <c r="H22" s="3" t="s">
        <v>29</v>
      </c>
      <c r="I22" s="3" t="s">
        <v>37</v>
      </c>
      <c r="J22" s="3" t="s">
        <v>994</v>
      </c>
      <c r="K22" s="3" t="s">
        <v>32</v>
      </c>
      <c r="L22" s="3" t="s">
        <v>33</v>
      </c>
      <c r="M22" s="3" t="s">
        <v>74</v>
      </c>
      <c r="N22" s="3" t="s">
        <v>75</v>
      </c>
      <c r="O22" s="3" t="s">
        <v>53</v>
      </c>
      <c r="P22" s="3" t="s">
        <v>37</v>
      </c>
      <c r="Q22" s="3" t="s">
        <v>37</v>
      </c>
      <c r="R22" s="3" t="s">
        <v>39</v>
      </c>
      <c r="S22" s="3" t="s">
        <v>995</v>
      </c>
      <c r="T22" s="3" t="s">
        <v>37</v>
      </c>
      <c r="U22" s="3" t="s">
        <v>37</v>
      </c>
      <c r="V22" s="3" t="s">
        <v>37</v>
      </c>
    </row>
    <row r="23" spans="1:22" ht="14.45" customHeight="1" x14ac:dyDescent="0.25">
      <c r="A23" s="3" t="s">
        <v>904</v>
      </c>
      <c r="B23" s="4" t="s">
        <v>23</v>
      </c>
      <c r="C23" s="3" t="s">
        <v>24</v>
      </c>
      <c r="D23" s="5" t="s">
        <v>148</v>
      </c>
      <c r="E23" s="3" t="s">
        <v>996</v>
      </c>
      <c r="F23" s="3" t="s">
        <v>997</v>
      </c>
      <c r="G23" s="3" t="s">
        <v>173</v>
      </c>
      <c r="H23" s="3" t="s">
        <v>133</v>
      </c>
      <c r="I23" s="3" t="s">
        <v>37</v>
      </c>
      <c r="J23" s="3" t="s">
        <v>998</v>
      </c>
      <c r="K23" s="3" t="s">
        <v>32</v>
      </c>
      <c r="L23" s="3" t="s">
        <v>33</v>
      </c>
      <c r="M23" s="3" t="s">
        <v>74</v>
      </c>
      <c r="N23" s="3" t="s">
        <v>75</v>
      </c>
      <c r="O23" s="3" t="s">
        <v>105</v>
      </c>
      <c r="P23" s="3" t="s">
        <v>37</v>
      </c>
      <c r="Q23" s="3" t="s">
        <v>37</v>
      </c>
      <c r="R23" s="3" t="s">
        <v>39</v>
      </c>
      <c r="S23" s="3" t="s">
        <v>999</v>
      </c>
      <c r="T23" s="3" t="s">
        <v>37</v>
      </c>
      <c r="U23" s="3" t="s">
        <v>37</v>
      </c>
      <c r="V23" s="3" t="s">
        <v>37</v>
      </c>
    </row>
    <row r="24" spans="1:22" ht="14.45" customHeight="1" x14ac:dyDescent="0.25">
      <c r="A24" s="3" t="s">
        <v>904</v>
      </c>
      <c r="B24" s="4" t="s">
        <v>23</v>
      </c>
      <c r="C24" s="3" t="s">
        <v>24</v>
      </c>
      <c r="D24" s="5" t="s">
        <v>160</v>
      </c>
      <c r="E24" s="3" t="s">
        <v>996</v>
      </c>
      <c r="F24" s="3" t="s">
        <v>1000</v>
      </c>
      <c r="G24" s="3" t="s">
        <v>341</v>
      </c>
      <c r="H24" s="3" t="s">
        <v>133</v>
      </c>
      <c r="I24" s="3" t="s">
        <v>37</v>
      </c>
      <c r="J24" s="3" t="s">
        <v>1001</v>
      </c>
      <c r="K24" s="3" t="s">
        <v>32</v>
      </c>
      <c r="L24" s="3" t="s">
        <v>33</v>
      </c>
      <c r="M24" s="3" t="s">
        <v>74</v>
      </c>
      <c r="N24" s="3" t="s">
        <v>75</v>
      </c>
      <c r="O24" s="3" t="s">
        <v>105</v>
      </c>
      <c r="P24" s="3" t="s">
        <v>37</v>
      </c>
      <c r="Q24" s="3" t="s">
        <v>37</v>
      </c>
      <c r="R24" s="3" t="s">
        <v>39</v>
      </c>
      <c r="S24" s="3" t="s">
        <v>1002</v>
      </c>
      <c r="T24" s="3" t="s">
        <v>37</v>
      </c>
      <c r="U24" s="3" t="s">
        <v>37</v>
      </c>
      <c r="V24" s="3" t="s">
        <v>37</v>
      </c>
    </row>
    <row r="25" spans="1:22" ht="14.45" customHeight="1" x14ac:dyDescent="0.25">
      <c r="A25" s="3" t="s">
        <v>904</v>
      </c>
      <c r="B25" s="4" t="s">
        <v>23</v>
      </c>
      <c r="C25" s="3" t="s">
        <v>24</v>
      </c>
      <c r="D25" s="5" t="s">
        <v>1003</v>
      </c>
      <c r="E25" s="3" t="s">
        <v>927</v>
      </c>
      <c r="F25" s="3" t="s">
        <v>1004</v>
      </c>
      <c r="G25" s="3" t="s">
        <v>395</v>
      </c>
      <c r="H25" s="3" t="s">
        <v>29</v>
      </c>
      <c r="I25" s="3" t="s">
        <v>936</v>
      </c>
      <c r="J25" s="3" t="s">
        <v>1005</v>
      </c>
      <c r="K25" s="3" t="s">
        <v>32</v>
      </c>
      <c r="L25" s="3" t="s">
        <v>33</v>
      </c>
      <c r="M25" s="3" t="s">
        <v>931</v>
      </c>
      <c r="N25" s="3" t="s">
        <v>234</v>
      </c>
      <c r="O25" s="3" t="s">
        <v>154</v>
      </c>
      <c r="P25" s="3" t="s">
        <v>37</v>
      </c>
      <c r="Q25" s="3" t="s">
        <v>37</v>
      </c>
      <c r="R25" s="3" t="s">
        <v>39</v>
      </c>
      <c r="S25" s="3" t="s">
        <v>1006</v>
      </c>
      <c r="T25" s="3" t="s">
        <v>37</v>
      </c>
      <c r="U25" s="3" t="s">
        <v>37</v>
      </c>
      <c r="V25" s="3" t="s">
        <v>37</v>
      </c>
    </row>
    <row r="26" spans="1:22" ht="14.45" customHeight="1" x14ac:dyDescent="0.25">
      <c r="A26" s="3" t="s">
        <v>904</v>
      </c>
      <c r="B26" s="4" t="s">
        <v>23</v>
      </c>
      <c r="C26" s="3" t="s">
        <v>24</v>
      </c>
      <c r="D26" s="5" t="s">
        <v>171</v>
      </c>
      <c r="E26" s="3" t="s">
        <v>927</v>
      </c>
      <c r="F26" s="3" t="s">
        <v>1007</v>
      </c>
      <c r="G26" s="3" t="s">
        <v>122</v>
      </c>
      <c r="H26" s="3" t="s">
        <v>29</v>
      </c>
      <c r="I26" s="3" t="s">
        <v>929</v>
      </c>
      <c r="J26" s="3" t="s">
        <v>1008</v>
      </c>
      <c r="K26" s="3" t="s">
        <v>32</v>
      </c>
      <c r="L26" s="3" t="s">
        <v>33</v>
      </c>
      <c r="M26" s="3" t="s">
        <v>931</v>
      </c>
      <c r="N26" s="3" t="s">
        <v>234</v>
      </c>
      <c r="O26" s="3" t="s">
        <v>154</v>
      </c>
      <c r="P26" s="3" t="s">
        <v>37</v>
      </c>
      <c r="Q26" s="3" t="s">
        <v>37</v>
      </c>
      <c r="R26" s="3" t="s">
        <v>39</v>
      </c>
      <c r="S26" s="3" t="s">
        <v>1009</v>
      </c>
      <c r="T26" s="3" t="s">
        <v>37</v>
      </c>
      <c r="U26" s="3" t="s">
        <v>37</v>
      </c>
      <c r="V26" s="3" t="s">
        <v>37</v>
      </c>
    </row>
    <row r="27" spans="1:22" ht="14.45" customHeight="1" x14ac:dyDescent="0.25">
      <c r="A27" s="3" t="s">
        <v>904</v>
      </c>
      <c r="B27" s="4" t="s">
        <v>23</v>
      </c>
      <c r="C27" s="3" t="s">
        <v>24</v>
      </c>
      <c r="D27" s="5" t="s">
        <v>1010</v>
      </c>
      <c r="E27" s="3" t="s">
        <v>927</v>
      </c>
      <c r="F27" s="3" t="s">
        <v>1011</v>
      </c>
      <c r="G27" s="3" t="s">
        <v>514</v>
      </c>
      <c r="H27" s="3" t="s">
        <v>29</v>
      </c>
      <c r="I27" s="3" t="s">
        <v>929</v>
      </c>
      <c r="J27" s="3" t="s">
        <v>1012</v>
      </c>
      <c r="K27" s="3" t="s">
        <v>32</v>
      </c>
      <c r="L27" s="3" t="s">
        <v>33</v>
      </c>
      <c r="M27" s="3" t="s">
        <v>931</v>
      </c>
      <c r="N27" s="3" t="s">
        <v>234</v>
      </c>
      <c r="O27" s="3" t="s">
        <v>154</v>
      </c>
      <c r="P27" s="3" t="s">
        <v>37</v>
      </c>
      <c r="Q27" s="3" t="s">
        <v>37</v>
      </c>
      <c r="R27" s="3" t="s">
        <v>39</v>
      </c>
      <c r="S27" s="3" t="s">
        <v>1013</v>
      </c>
      <c r="T27" s="3" t="s">
        <v>37</v>
      </c>
      <c r="U27" s="3" t="s">
        <v>37</v>
      </c>
      <c r="V27" s="3" t="s">
        <v>37</v>
      </c>
    </row>
    <row r="28" spans="1:22" ht="14.45" customHeight="1" x14ac:dyDescent="0.25">
      <c r="A28" s="3" t="s">
        <v>904</v>
      </c>
      <c r="B28" s="4" t="s">
        <v>23</v>
      </c>
      <c r="C28" s="3" t="s">
        <v>24</v>
      </c>
      <c r="D28" s="5" t="s">
        <v>1014</v>
      </c>
      <c r="E28" s="3" t="s">
        <v>922</v>
      </c>
      <c r="F28" s="3" t="s">
        <v>966</v>
      </c>
      <c r="G28" s="3" t="s">
        <v>232</v>
      </c>
      <c r="H28" s="3" t="s">
        <v>29</v>
      </c>
      <c r="I28" s="3" t="s">
        <v>37</v>
      </c>
      <c r="J28" s="3" t="s">
        <v>967</v>
      </c>
      <c r="K28" s="3" t="s">
        <v>32</v>
      </c>
      <c r="L28" s="3" t="s">
        <v>33</v>
      </c>
      <c r="M28" s="3" t="s">
        <v>74</v>
      </c>
      <c r="N28" s="3" t="s">
        <v>75</v>
      </c>
      <c r="O28" s="3" t="s">
        <v>53</v>
      </c>
      <c r="P28" s="3" t="s">
        <v>37</v>
      </c>
      <c r="Q28" s="3" t="s">
        <v>37</v>
      </c>
      <c r="R28" s="3" t="s">
        <v>39</v>
      </c>
      <c r="S28" s="3" t="s">
        <v>968</v>
      </c>
      <c r="T28" s="3" t="s">
        <v>37</v>
      </c>
      <c r="U28" s="3" t="s">
        <v>37</v>
      </c>
      <c r="V28" s="3" t="s">
        <v>37</v>
      </c>
    </row>
    <row r="29" spans="1:22" ht="14.45" customHeight="1" x14ac:dyDescent="0.25">
      <c r="A29" s="3" t="s">
        <v>904</v>
      </c>
      <c r="B29" s="4" t="s">
        <v>23</v>
      </c>
      <c r="C29" s="3" t="s">
        <v>24</v>
      </c>
      <c r="D29" s="5" t="s">
        <v>1015</v>
      </c>
      <c r="E29" s="3" t="s">
        <v>961</v>
      </c>
      <c r="F29" s="3" t="s">
        <v>1016</v>
      </c>
      <c r="G29" s="3" t="s">
        <v>359</v>
      </c>
      <c r="H29" s="3" t="s">
        <v>29</v>
      </c>
      <c r="I29" s="3" t="s">
        <v>37</v>
      </c>
      <c r="J29" s="3" t="s">
        <v>1017</v>
      </c>
      <c r="K29" s="3" t="s">
        <v>32</v>
      </c>
      <c r="L29" s="3" t="s">
        <v>33</v>
      </c>
      <c r="M29" s="3" t="s">
        <v>74</v>
      </c>
      <c r="N29" s="3" t="s">
        <v>234</v>
      </c>
      <c r="O29" s="3" t="s">
        <v>37</v>
      </c>
      <c r="P29" s="3" t="s">
        <v>37</v>
      </c>
      <c r="Q29" s="3" t="s">
        <v>37</v>
      </c>
      <c r="R29" s="3" t="s">
        <v>39</v>
      </c>
      <c r="S29" s="3" t="s">
        <v>1018</v>
      </c>
      <c r="T29" s="3" t="s">
        <v>37</v>
      </c>
      <c r="U29" s="3" t="s">
        <v>37</v>
      </c>
      <c r="V29" s="3" t="s">
        <v>37</v>
      </c>
    </row>
    <row r="30" spans="1:22" ht="14.45" customHeight="1" x14ac:dyDescent="0.25">
      <c r="A30" s="3" t="s">
        <v>904</v>
      </c>
      <c r="B30" s="4" t="s">
        <v>23</v>
      </c>
      <c r="C30" s="3" t="s">
        <v>24</v>
      </c>
      <c r="D30" s="5" t="s">
        <v>1019</v>
      </c>
      <c r="E30" s="3" t="s">
        <v>1020</v>
      </c>
      <c r="F30" s="3" t="s">
        <v>37</v>
      </c>
      <c r="G30" s="9">
        <v>1</v>
      </c>
      <c r="H30" s="9">
        <v>0</v>
      </c>
      <c r="I30" s="3" t="s">
        <v>37</v>
      </c>
      <c r="J30" s="8" t="s">
        <v>1021</v>
      </c>
      <c r="K30" s="3" t="s">
        <v>290</v>
      </c>
      <c r="L30" s="3" t="s">
        <v>37</v>
      </c>
      <c r="M30" s="3" t="s">
        <v>34</v>
      </c>
      <c r="N30" s="3" t="s">
        <v>234</v>
      </c>
      <c r="O30" s="3" t="s">
        <v>291</v>
      </c>
      <c r="P30" s="3" t="s">
        <v>37</v>
      </c>
      <c r="Q30" s="3" t="s">
        <v>37</v>
      </c>
      <c r="R30" s="3" t="s">
        <v>39</v>
      </c>
      <c r="S30" s="3" t="s">
        <v>1022</v>
      </c>
      <c r="T30" s="3" t="s">
        <v>37</v>
      </c>
      <c r="U30" s="3" t="s">
        <v>37</v>
      </c>
      <c r="V30" s="3" t="s">
        <v>37</v>
      </c>
    </row>
    <row r="31" spans="1:22" ht="14.45" customHeight="1" x14ac:dyDescent="0.25">
      <c r="A31" s="3" t="s">
        <v>904</v>
      </c>
      <c r="B31" s="4" t="s">
        <v>23</v>
      </c>
      <c r="C31" s="3" t="s">
        <v>24</v>
      </c>
      <c r="D31" s="5" t="s">
        <v>1023</v>
      </c>
      <c r="E31" s="3" t="s">
        <v>1024</v>
      </c>
      <c r="F31" s="3" t="s">
        <v>1025</v>
      </c>
      <c r="G31" s="3" t="s">
        <v>132</v>
      </c>
      <c r="H31" s="3" t="s">
        <v>133</v>
      </c>
      <c r="I31" s="3" t="s">
        <v>37</v>
      </c>
      <c r="J31" s="3" t="s">
        <v>1026</v>
      </c>
      <c r="K31" s="3" t="s">
        <v>32</v>
      </c>
      <c r="L31" s="3" t="s">
        <v>33</v>
      </c>
      <c r="M31" s="3" t="s">
        <v>74</v>
      </c>
      <c r="N31" s="3" t="s">
        <v>153</v>
      </c>
      <c r="O31" s="3" t="s">
        <v>53</v>
      </c>
      <c r="P31" s="3" t="s">
        <v>54</v>
      </c>
      <c r="Q31" s="3" t="s">
        <v>37</v>
      </c>
      <c r="R31" s="3" t="s">
        <v>39</v>
      </c>
      <c r="S31" s="3" t="s">
        <v>1027</v>
      </c>
      <c r="T31" s="3" t="s">
        <v>37</v>
      </c>
      <c r="U31" s="3" t="s">
        <v>37</v>
      </c>
      <c r="V31" s="3" t="s">
        <v>37</v>
      </c>
    </row>
    <row r="32" spans="1:22" ht="14.45" customHeight="1" x14ac:dyDescent="0.25">
      <c r="A32" s="3" t="s">
        <v>904</v>
      </c>
      <c r="B32" s="4" t="s">
        <v>23</v>
      </c>
      <c r="C32" s="3" t="s">
        <v>24</v>
      </c>
      <c r="D32" s="5" t="s">
        <v>201</v>
      </c>
      <c r="E32" s="3" t="s">
        <v>1028</v>
      </c>
      <c r="F32" s="3" t="s">
        <v>1029</v>
      </c>
      <c r="G32" s="3" t="s">
        <v>98</v>
      </c>
      <c r="H32" s="3" t="s">
        <v>88</v>
      </c>
      <c r="I32" s="3" t="s">
        <v>1030</v>
      </c>
      <c r="J32" s="3" t="s">
        <v>1031</v>
      </c>
      <c r="K32" s="3" t="s">
        <v>32</v>
      </c>
      <c r="L32" s="3" t="s">
        <v>33</v>
      </c>
      <c r="M32" s="3" t="s">
        <v>74</v>
      </c>
      <c r="N32" s="3" t="s">
        <v>52</v>
      </c>
      <c r="O32" s="3" t="s">
        <v>53</v>
      </c>
      <c r="P32" s="3" t="s">
        <v>37</v>
      </c>
      <c r="Q32" s="3" t="s">
        <v>37</v>
      </c>
      <c r="R32" s="3" t="s">
        <v>39</v>
      </c>
      <c r="S32" s="3" t="s">
        <v>1032</v>
      </c>
      <c r="T32" s="3" t="s">
        <v>37</v>
      </c>
      <c r="U32" s="3" t="s">
        <v>37</v>
      </c>
      <c r="V32" s="3" t="s">
        <v>37</v>
      </c>
    </row>
    <row r="33" spans="1:22" ht="14.45" customHeight="1" x14ac:dyDescent="0.25">
      <c r="A33" s="3" t="s">
        <v>904</v>
      </c>
      <c r="B33" s="4" t="s">
        <v>23</v>
      </c>
      <c r="C33" s="3" t="s">
        <v>24</v>
      </c>
      <c r="D33" s="5" t="s">
        <v>353</v>
      </c>
      <c r="E33" s="3" t="s">
        <v>1028</v>
      </c>
      <c r="F33" s="3" t="s">
        <v>1033</v>
      </c>
      <c r="G33" s="3" t="s">
        <v>313</v>
      </c>
      <c r="H33" s="3" t="s">
        <v>133</v>
      </c>
      <c r="I33" s="3" t="s">
        <v>1034</v>
      </c>
      <c r="J33" s="3" t="s">
        <v>1035</v>
      </c>
      <c r="K33" s="3" t="s">
        <v>32</v>
      </c>
      <c r="L33" s="3" t="s">
        <v>33</v>
      </c>
      <c r="M33" s="3" t="s">
        <v>74</v>
      </c>
      <c r="N33" s="3" t="s">
        <v>35</v>
      </c>
      <c r="O33" s="3" t="s">
        <v>36</v>
      </c>
      <c r="P33" s="3" t="s">
        <v>37</v>
      </c>
      <c r="Q33" s="3" t="s">
        <v>37</v>
      </c>
      <c r="R33" s="3" t="s">
        <v>39</v>
      </c>
      <c r="S33" s="3" t="s">
        <v>1036</v>
      </c>
      <c r="T33" s="3" t="s">
        <v>37</v>
      </c>
      <c r="U33" s="3" t="s">
        <v>37</v>
      </c>
      <c r="V33" s="3" t="s">
        <v>37</v>
      </c>
    </row>
    <row r="34" spans="1:22" ht="14.45" customHeight="1" x14ac:dyDescent="0.25">
      <c r="A34" s="3" t="s">
        <v>904</v>
      </c>
      <c r="B34" s="4" t="s">
        <v>23</v>
      </c>
      <c r="C34" s="3" t="s">
        <v>24</v>
      </c>
      <c r="D34" s="5" t="s">
        <v>494</v>
      </c>
      <c r="E34" s="3" t="s">
        <v>495</v>
      </c>
      <c r="F34" s="3" t="s">
        <v>1037</v>
      </c>
      <c r="G34" s="3" t="s">
        <v>197</v>
      </c>
      <c r="H34" s="3" t="s">
        <v>133</v>
      </c>
      <c r="I34" s="3" t="s">
        <v>497</v>
      </c>
      <c r="J34" s="3" t="s">
        <v>1038</v>
      </c>
      <c r="K34" s="3" t="s">
        <v>32</v>
      </c>
      <c r="L34" s="3" t="s">
        <v>37</v>
      </c>
      <c r="M34" s="3" t="s">
        <v>34</v>
      </c>
      <c r="N34" s="3" t="s">
        <v>153</v>
      </c>
      <c r="O34" s="3" t="s">
        <v>105</v>
      </c>
      <c r="P34" s="3" t="s">
        <v>37</v>
      </c>
      <c r="Q34" s="3" t="s">
        <v>37</v>
      </c>
      <c r="R34" s="3" t="s">
        <v>39</v>
      </c>
      <c r="S34" s="3" t="s">
        <v>1039</v>
      </c>
      <c r="T34" s="3" t="s">
        <v>37</v>
      </c>
      <c r="U34" s="3" t="s">
        <v>37</v>
      </c>
      <c r="V34" s="3" t="s">
        <v>37</v>
      </c>
    </row>
    <row r="35" spans="1:22" ht="14.45" customHeight="1" x14ac:dyDescent="0.25">
      <c r="A35" s="3" t="s">
        <v>904</v>
      </c>
      <c r="B35" s="4" t="s">
        <v>23</v>
      </c>
      <c r="C35" s="3" t="s">
        <v>24</v>
      </c>
      <c r="D35" s="5" t="s">
        <v>1040</v>
      </c>
      <c r="E35" s="3" t="s">
        <v>495</v>
      </c>
      <c r="F35" s="3" t="s">
        <v>1041</v>
      </c>
      <c r="G35" s="3" t="s">
        <v>591</v>
      </c>
      <c r="H35" s="3" t="s">
        <v>133</v>
      </c>
      <c r="I35" s="3" t="s">
        <v>497</v>
      </c>
      <c r="J35" s="3" t="s">
        <v>1042</v>
      </c>
      <c r="K35" s="3" t="s">
        <v>32</v>
      </c>
      <c r="L35" s="3" t="s">
        <v>37</v>
      </c>
      <c r="M35" s="3" t="s">
        <v>34</v>
      </c>
      <c r="N35" s="3" t="s">
        <v>153</v>
      </c>
      <c r="O35" s="3" t="s">
        <v>105</v>
      </c>
      <c r="P35" s="3" t="s">
        <v>37</v>
      </c>
      <c r="Q35" s="3" t="s">
        <v>37</v>
      </c>
      <c r="R35" s="3" t="s">
        <v>39</v>
      </c>
      <c r="S35" s="3" t="s">
        <v>1043</v>
      </c>
      <c r="T35" s="3" t="s">
        <v>37</v>
      </c>
      <c r="U35" s="3" t="s">
        <v>37</v>
      </c>
      <c r="V35" s="3" t="s">
        <v>37</v>
      </c>
    </row>
    <row r="36" spans="1:22" ht="14.45" customHeight="1" x14ac:dyDescent="0.25">
      <c r="A36" s="3" t="s">
        <v>904</v>
      </c>
      <c r="B36" s="4" t="s">
        <v>23</v>
      </c>
      <c r="C36" s="3" t="s">
        <v>24</v>
      </c>
      <c r="D36" s="5" t="s">
        <v>220</v>
      </c>
      <c r="E36" s="3" t="s">
        <v>495</v>
      </c>
      <c r="F36" s="3" t="s">
        <v>1044</v>
      </c>
      <c r="G36" s="3" t="s">
        <v>539</v>
      </c>
      <c r="H36" s="3" t="s">
        <v>88</v>
      </c>
      <c r="I36" s="3" t="s">
        <v>497</v>
      </c>
      <c r="J36" s="3" t="s">
        <v>1045</v>
      </c>
      <c r="K36" s="3" t="s">
        <v>32</v>
      </c>
      <c r="L36" s="3" t="s">
        <v>33</v>
      </c>
      <c r="M36" s="3" t="s">
        <v>34</v>
      </c>
      <c r="N36" s="3" t="s">
        <v>234</v>
      </c>
      <c r="O36" s="3" t="s">
        <v>105</v>
      </c>
      <c r="P36" s="3" t="s">
        <v>37</v>
      </c>
      <c r="Q36" s="3" t="s">
        <v>37</v>
      </c>
      <c r="R36" s="3" t="s">
        <v>39</v>
      </c>
      <c r="S36" s="3" t="s">
        <v>1046</v>
      </c>
      <c r="T36" s="3" t="s">
        <v>37</v>
      </c>
      <c r="U36" s="3" t="s">
        <v>37</v>
      </c>
      <c r="V36" s="3" t="s">
        <v>37</v>
      </c>
    </row>
    <row r="37" spans="1:22" ht="14.45" customHeight="1" x14ac:dyDescent="0.25">
      <c r="A37" s="3" t="s">
        <v>904</v>
      </c>
      <c r="B37" s="4" t="s">
        <v>23</v>
      </c>
      <c r="C37" s="3" t="s">
        <v>24</v>
      </c>
      <c r="D37" s="5" t="s">
        <v>380</v>
      </c>
      <c r="E37" s="3" t="s">
        <v>916</v>
      </c>
      <c r="F37" s="3" t="s">
        <v>1047</v>
      </c>
      <c r="G37" s="3" t="s">
        <v>207</v>
      </c>
      <c r="H37" s="3" t="s">
        <v>29</v>
      </c>
      <c r="I37" s="3" t="s">
        <v>918</v>
      </c>
      <c r="J37" s="3" t="s">
        <v>1048</v>
      </c>
      <c r="K37" s="3" t="s">
        <v>32</v>
      </c>
      <c r="L37" s="3" t="s">
        <v>33</v>
      </c>
      <c r="M37" s="3" t="s">
        <v>34</v>
      </c>
      <c r="N37" s="3" t="s">
        <v>75</v>
      </c>
      <c r="O37" s="3" t="s">
        <v>53</v>
      </c>
      <c r="P37" s="3" t="s">
        <v>37</v>
      </c>
      <c r="Q37" s="3" t="s">
        <v>37</v>
      </c>
      <c r="R37" s="3" t="s">
        <v>39</v>
      </c>
      <c r="S37" s="3" t="s">
        <v>1049</v>
      </c>
      <c r="T37" s="3" t="s">
        <v>37</v>
      </c>
      <c r="U37" s="3" t="s">
        <v>37</v>
      </c>
      <c r="V37" s="3" t="s">
        <v>37</v>
      </c>
    </row>
    <row r="38" spans="1:22" ht="14.45" customHeight="1" x14ac:dyDescent="0.25">
      <c r="A38" s="3" t="s">
        <v>904</v>
      </c>
      <c r="B38" s="4" t="s">
        <v>23</v>
      </c>
      <c r="C38" s="3" t="s">
        <v>24</v>
      </c>
      <c r="D38" s="5" t="s">
        <v>229</v>
      </c>
      <c r="E38" s="3" t="s">
        <v>916</v>
      </c>
      <c r="F38" s="3" t="s">
        <v>1050</v>
      </c>
      <c r="G38" s="3" t="s">
        <v>212</v>
      </c>
      <c r="H38" s="3" t="s">
        <v>29</v>
      </c>
      <c r="I38" s="3" t="s">
        <v>918</v>
      </c>
      <c r="J38" s="3" t="s">
        <v>1051</v>
      </c>
      <c r="K38" s="3" t="s">
        <v>32</v>
      </c>
      <c r="L38" s="3" t="s">
        <v>33</v>
      </c>
      <c r="M38" s="3" t="s">
        <v>34</v>
      </c>
      <c r="N38" s="3" t="s">
        <v>75</v>
      </c>
      <c r="O38" s="3" t="s">
        <v>53</v>
      </c>
      <c r="P38" s="3" t="s">
        <v>37</v>
      </c>
      <c r="Q38" s="3" t="s">
        <v>37</v>
      </c>
      <c r="R38" s="3" t="s">
        <v>39</v>
      </c>
      <c r="S38" s="3" t="s">
        <v>1052</v>
      </c>
      <c r="T38" s="3" t="s">
        <v>37</v>
      </c>
      <c r="U38" s="3" t="s">
        <v>37</v>
      </c>
      <c r="V38" s="3" t="s">
        <v>37</v>
      </c>
    </row>
    <row r="39" spans="1:22" ht="14.45" customHeight="1" x14ac:dyDescent="0.25">
      <c r="A39" s="3" t="s">
        <v>904</v>
      </c>
      <c r="B39" s="4" t="s">
        <v>23</v>
      </c>
      <c r="C39" s="3" t="s">
        <v>24</v>
      </c>
      <c r="D39" s="5" t="s">
        <v>1053</v>
      </c>
      <c r="E39" s="3" t="s">
        <v>916</v>
      </c>
      <c r="F39" s="3" t="s">
        <v>1054</v>
      </c>
      <c r="G39" s="3" t="s">
        <v>217</v>
      </c>
      <c r="H39" s="3" t="s">
        <v>29</v>
      </c>
      <c r="I39" s="3" t="s">
        <v>918</v>
      </c>
      <c r="J39" s="3" t="s">
        <v>1055</v>
      </c>
      <c r="K39" s="3" t="s">
        <v>32</v>
      </c>
      <c r="L39" s="3" t="s">
        <v>33</v>
      </c>
      <c r="M39" s="3" t="s">
        <v>34</v>
      </c>
      <c r="N39" s="3" t="s">
        <v>75</v>
      </c>
      <c r="O39" s="3" t="s">
        <v>53</v>
      </c>
      <c r="P39" s="3" t="s">
        <v>37</v>
      </c>
      <c r="Q39" s="3" t="s">
        <v>37</v>
      </c>
      <c r="R39" s="3" t="s">
        <v>39</v>
      </c>
      <c r="S39" s="3" t="s">
        <v>1056</v>
      </c>
      <c r="T39" s="3" t="s">
        <v>37</v>
      </c>
      <c r="U39" s="3" t="s">
        <v>37</v>
      </c>
      <c r="V39" s="3" t="s">
        <v>37</v>
      </c>
    </row>
    <row r="40" spans="1:22" ht="14.45" customHeight="1" x14ac:dyDescent="0.25">
      <c r="A40" s="3" t="s">
        <v>904</v>
      </c>
      <c r="B40" s="4" t="s">
        <v>23</v>
      </c>
      <c r="C40" s="3" t="s">
        <v>24</v>
      </c>
      <c r="D40" s="5" t="s">
        <v>240</v>
      </c>
      <c r="E40" s="3" t="s">
        <v>916</v>
      </c>
      <c r="F40" s="3" t="s">
        <v>1057</v>
      </c>
      <c r="G40" s="3" t="s">
        <v>254</v>
      </c>
      <c r="H40" s="3" t="s">
        <v>29</v>
      </c>
      <c r="I40" s="3" t="s">
        <v>918</v>
      </c>
      <c r="J40" s="3" t="s">
        <v>1058</v>
      </c>
      <c r="K40" s="3" t="s">
        <v>32</v>
      </c>
      <c r="L40" s="3" t="s">
        <v>33</v>
      </c>
      <c r="M40" s="3" t="s">
        <v>34</v>
      </c>
      <c r="N40" s="3" t="s">
        <v>75</v>
      </c>
      <c r="O40" s="3" t="s">
        <v>53</v>
      </c>
      <c r="P40" s="3" t="s">
        <v>37</v>
      </c>
      <c r="Q40" s="3" t="s">
        <v>37</v>
      </c>
      <c r="R40" s="3" t="s">
        <v>39</v>
      </c>
      <c r="S40" s="3" t="s">
        <v>1059</v>
      </c>
      <c r="T40" s="3" t="s">
        <v>37</v>
      </c>
      <c r="U40" s="3" t="s">
        <v>37</v>
      </c>
      <c r="V40" s="3" t="s">
        <v>37</v>
      </c>
    </row>
    <row r="41" spans="1:22" ht="14.45" customHeight="1" x14ac:dyDescent="0.25">
      <c r="A41" s="3" t="s">
        <v>904</v>
      </c>
      <c r="B41" s="4" t="s">
        <v>23</v>
      </c>
      <c r="C41" s="3" t="s">
        <v>24</v>
      </c>
      <c r="D41" s="5" t="s">
        <v>1060</v>
      </c>
      <c r="E41" s="3" t="s">
        <v>495</v>
      </c>
      <c r="F41" s="3" t="s">
        <v>1061</v>
      </c>
      <c r="G41" s="3" t="s">
        <v>488</v>
      </c>
      <c r="H41" s="3" t="s">
        <v>133</v>
      </c>
      <c r="I41" s="3" t="s">
        <v>497</v>
      </c>
      <c r="J41" s="3" t="s">
        <v>1062</v>
      </c>
      <c r="K41" s="3" t="s">
        <v>32</v>
      </c>
      <c r="L41" s="3" t="s">
        <v>37</v>
      </c>
      <c r="M41" s="3" t="s">
        <v>34</v>
      </c>
      <c r="N41" s="3" t="s">
        <v>153</v>
      </c>
      <c r="O41" s="3" t="s">
        <v>105</v>
      </c>
      <c r="P41" s="3" t="s">
        <v>37</v>
      </c>
      <c r="Q41" s="3" t="s">
        <v>37</v>
      </c>
      <c r="R41" s="3" t="s">
        <v>39</v>
      </c>
      <c r="S41" s="3" t="s">
        <v>1063</v>
      </c>
      <c r="T41" s="3" t="s">
        <v>37</v>
      </c>
      <c r="U41" s="3" t="s">
        <v>37</v>
      </c>
      <c r="V41" s="3" t="s">
        <v>37</v>
      </c>
    </row>
    <row r="42" spans="1:22" ht="14.45" customHeight="1" x14ac:dyDescent="0.25">
      <c r="A42" s="3"/>
      <c r="B42" s="4"/>
      <c r="C42" s="3"/>
      <c r="D42" s="5"/>
      <c r="E42" s="6" t="s">
        <v>1064</v>
      </c>
      <c r="F42" s="3"/>
      <c r="G42" s="3"/>
      <c r="H42" s="3"/>
      <c r="I42" s="3"/>
      <c r="J42" s="3"/>
      <c r="K42" s="3"/>
      <c r="L42" s="3"/>
      <c r="M42" s="3"/>
      <c r="N42" s="3"/>
      <c r="O42" s="3"/>
      <c r="P42" s="3"/>
      <c r="Q42" s="3"/>
      <c r="R42" s="3"/>
      <c r="S42" s="3"/>
      <c r="T42" s="3"/>
      <c r="U42" s="3"/>
      <c r="V42" s="3"/>
    </row>
    <row r="43" spans="1:22" ht="14.45" customHeight="1" x14ac:dyDescent="0.25">
      <c r="A43" s="3"/>
      <c r="B43" s="4"/>
      <c r="C43" s="3"/>
      <c r="D43" s="5"/>
      <c r="E43" s="3"/>
      <c r="F43" s="3"/>
      <c r="G43" s="3"/>
      <c r="H43" s="3"/>
      <c r="I43" s="3"/>
      <c r="J43" s="3"/>
      <c r="K43" s="3"/>
      <c r="L43" s="3"/>
      <c r="M43" s="3"/>
      <c r="N43" s="3"/>
      <c r="O43" s="3"/>
      <c r="P43" s="3"/>
      <c r="Q43" s="3"/>
      <c r="R43" s="3"/>
      <c r="S43" s="3"/>
      <c r="T43" s="3"/>
      <c r="U43" s="3"/>
      <c r="V43" s="3"/>
    </row>
    <row r="44" spans="1:22" ht="14.45" customHeight="1" x14ac:dyDescent="0.25">
      <c r="A44" s="3" t="s">
        <v>904</v>
      </c>
      <c r="B44" s="4" t="s">
        <v>250</v>
      </c>
      <c r="C44" s="3" t="s">
        <v>251</v>
      </c>
      <c r="D44" s="5" t="s">
        <v>25</v>
      </c>
      <c r="E44" s="3" t="s">
        <v>495</v>
      </c>
      <c r="F44" s="3" t="s">
        <v>1065</v>
      </c>
      <c r="G44" s="3" t="s">
        <v>29</v>
      </c>
      <c r="H44" s="3" t="s">
        <v>29</v>
      </c>
      <c r="I44" s="3" t="s">
        <v>1066</v>
      </c>
      <c r="J44" s="3" t="s">
        <v>1067</v>
      </c>
      <c r="K44" s="3" t="s">
        <v>32</v>
      </c>
      <c r="L44" s="3" t="s">
        <v>1068</v>
      </c>
      <c r="M44" s="3" t="s">
        <v>34</v>
      </c>
      <c r="N44" s="3" t="s">
        <v>52</v>
      </c>
      <c r="O44" s="3" t="s">
        <v>105</v>
      </c>
      <c r="P44" s="3" t="s">
        <v>37</v>
      </c>
      <c r="Q44" s="3" t="s">
        <v>37</v>
      </c>
      <c r="R44" s="3" t="s">
        <v>39</v>
      </c>
      <c r="S44" s="3" t="s">
        <v>1069</v>
      </c>
      <c r="T44" s="3" t="s">
        <v>37</v>
      </c>
      <c r="U44" s="3" t="s">
        <v>37</v>
      </c>
      <c r="V44" s="3" t="s">
        <v>37</v>
      </c>
    </row>
    <row r="45" spans="1:22" ht="14.45" customHeight="1" x14ac:dyDescent="0.25">
      <c r="A45" s="3" t="s">
        <v>904</v>
      </c>
      <c r="B45" s="4" t="s">
        <v>250</v>
      </c>
      <c r="C45" s="3" t="s">
        <v>251</v>
      </c>
      <c r="D45" s="5" t="s">
        <v>25</v>
      </c>
      <c r="E45" s="3" t="s">
        <v>905</v>
      </c>
      <c r="F45" s="3" t="s">
        <v>1070</v>
      </c>
      <c r="G45" s="3" t="s">
        <v>473</v>
      </c>
      <c r="H45" s="3" t="s">
        <v>88</v>
      </c>
      <c r="I45" s="3" t="s">
        <v>913</v>
      </c>
      <c r="J45" s="3" t="s">
        <v>1071</v>
      </c>
      <c r="K45" s="3" t="s">
        <v>32</v>
      </c>
      <c r="L45" s="3" t="s">
        <v>33</v>
      </c>
      <c r="M45" s="3" t="s">
        <v>74</v>
      </c>
      <c r="N45" s="3" t="s">
        <v>909</v>
      </c>
      <c r="O45" s="3" t="s">
        <v>105</v>
      </c>
      <c r="P45" s="3" t="s">
        <v>37</v>
      </c>
      <c r="Q45" s="3" t="s">
        <v>37</v>
      </c>
      <c r="R45" s="3" t="s">
        <v>39</v>
      </c>
      <c r="S45" s="3" t="s">
        <v>1072</v>
      </c>
      <c r="T45" s="3" t="s">
        <v>37</v>
      </c>
      <c r="U45" s="3" t="s">
        <v>37</v>
      </c>
      <c r="V45" s="3" t="s">
        <v>37</v>
      </c>
    </row>
    <row r="46" spans="1:22" ht="14.45" customHeight="1" x14ac:dyDescent="0.25">
      <c r="A46" s="3" t="s">
        <v>904</v>
      </c>
      <c r="B46" s="4" t="s">
        <v>250</v>
      </c>
      <c r="C46" s="3" t="s">
        <v>251</v>
      </c>
      <c r="D46" s="5" t="s">
        <v>911</v>
      </c>
      <c r="E46" s="3" t="s">
        <v>495</v>
      </c>
      <c r="F46" s="3" t="s">
        <v>1073</v>
      </c>
      <c r="G46" s="3" t="s">
        <v>133</v>
      </c>
      <c r="H46" s="3" t="s">
        <v>29</v>
      </c>
      <c r="I46" s="3" t="s">
        <v>1074</v>
      </c>
      <c r="J46" s="3" t="s">
        <v>1075</v>
      </c>
      <c r="K46" s="3" t="s">
        <v>32</v>
      </c>
      <c r="L46" s="3" t="s">
        <v>1068</v>
      </c>
      <c r="M46" s="3" t="s">
        <v>34</v>
      </c>
      <c r="N46" s="3" t="s">
        <v>52</v>
      </c>
      <c r="O46" s="3" t="s">
        <v>105</v>
      </c>
      <c r="P46" s="3" t="s">
        <v>37</v>
      </c>
      <c r="Q46" s="3" t="s">
        <v>37</v>
      </c>
      <c r="R46" s="3" t="s">
        <v>39</v>
      </c>
      <c r="S46" s="3" t="s">
        <v>1076</v>
      </c>
      <c r="T46" s="3" t="s">
        <v>37</v>
      </c>
      <c r="U46" s="3" t="s">
        <v>37</v>
      </c>
      <c r="V46" s="3" t="s">
        <v>37</v>
      </c>
    </row>
    <row r="47" spans="1:22" ht="14.45" customHeight="1" x14ac:dyDescent="0.25">
      <c r="A47" s="3" t="s">
        <v>904</v>
      </c>
      <c r="B47" s="4" t="s">
        <v>250</v>
      </c>
      <c r="C47" s="3" t="s">
        <v>251</v>
      </c>
      <c r="D47" s="5" t="s">
        <v>911</v>
      </c>
      <c r="E47" s="3" t="s">
        <v>905</v>
      </c>
      <c r="F47" s="3" t="s">
        <v>1077</v>
      </c>
      <c r="G47" s="3" t="s">
        <v>572</v>
      </c>
      <c r="H47" s="3" t="s">
        <v>88</v>
      </c>
      <c r="I47" s="3" t="s">
        <v>913</v>
      </c>
      <c r="J47" s="3" t="s">
        <v>1078</v>
      </c>
      <c r="K47" s="3" t="s">
        <v>32</v>
      </c>
      <c r="L47" s="3" t="s">
        <v>33</v>
      </c>
      <c r="M47" s="3" t="s">
        <v>74</v>
      </c>
      <c r="N47" s="3" t="s">
        <v>909</v>
      </c>
      <c r="O47" s="3" t="s">
        <v>105</v>
      </c>
      <c r="P47" s="3" t="s">
        <v>37</v>
      </c>
      <c r="Q47" s="3" t="s">
        <v>37</v>
      </c>
      <c r="R47" s="3" t="s">
        <v>39</v>
      </c>
      <c r="S47" s="3" t="s">
        <v>1079</v>
      </c>
      <c r="T47" s="3" t="s">
        <v>37</v>
      </c>
      <c r="U47" s="3" t="s">
        <v>37</v>
      </c>
      <c r="V47" s="3" t="s">
        <v>37</v>
      </c>
    </row>
    <row r="48" spans="1:22" ht="14.45" customHeight="1" x14ac:dyDescent="0.25">
      <c r="A48" s="3" t="s">
        <v>904</v>
      </c>
      <c r="B48" s="4" t="s">
        <v>250</v>
      </c>
      <c r="C48" s="3" t="s">
        <v>251</v>
      </c>
      <c r="D48" s="5" t="s">
        <v>46</v>
      </c>
      <c r="E48" s="3" t="s">
        <v>916</v>
      </c>
      <c r="F48" s="3" t="s">
        <v>1080</v>
      </c>
      <c r="G48" s="3" t="s">
        <v>110</v>
      </c>
      <c r="H48" s="3" t="s">
        <v>29</v>
      </c>
      <c r="I48" s="3" t="s">
        <v>918</v>
      </c>
      <c r="J48" s="3" t="s">
        <v>1081</v>
      </c>
      <c r="K48" s="3" t="s">
        <v>32</v>
      </c>
      <c r="L48" s="3" t="s">
        <v>33</v>
      </c>
      <c r="M48" s="3" t="s">
        <v>34</v>
      </c>
      <c r="N48" s="3" t="s">
        <v>75</v>
      </c>
      <c r="O48" s="3" t="s">
        <v>53</v>
      </c>
      <c r="P48" s="3" t="s">
        <v>37</v>
      </c>
      <c r="Q48" s="3" t="s">
        <v>37</v>
      </c>
      <c r="R48" s="3" t="s">
        <v>39</v>
      </c>
      <c r="S48" s="3" t="s">
        <v>1082</v>
      </c>
      <c r="T48" s="3" t="s">
        <v>37</v>
      </c>
      <c r="U48" s="3" t="s">
        <v>37</v>
      </c>
      <c r="V48" s="3" t="s">
        <v>37</v>
      </c>
    </row>
    <row r="49" spans="1:22" ht="14.45" customHeight="1" x14ac:dyDescent="0.25">
      <c r="A49" s="3" t="s">
        <v>904</v>
      </c>
      <c r="B49" s="4" t="s">
        <v>250</v>
      </c>
      <c r="C49" s="3" t="s">
        <v>251</v>
      </c>
      <c r="D49" s="5" t="s">
        <v>921</v>
      </c>
      <c r="E49" s="3" t="s">
        <v>922</v>
      </c>
      <c r="F49" s="3" t="s">
        <v>966</v>
      </c>
      <c r="G49" s="3" t="s">
        <v>232</v>
      </c>
      <c r="H49" s="3" t="s">
        <v>29</v>
      </c>
      <c r="I49" s="3" t="s">
        <v>37</v>
      </c>
      <c r="J49" s="3" t="s">
        <v>967</v>
      </c>
      <c r="K49" s="3" t="s">
        <v>32</v>
      </c>
      <c r="L49" s="3" t="s">
        <v>33</v>
      </c>
      <c r="M49" s="3" t="s">
        <v>74</v>
      </c>
      <c r="N49" s="3" t="s">
        <v>75</v>
      </c>
      <c r="O49" s="3" t="s">
        <v>53</v>
      </c>
      <c r="P49" s="3" t="s">
        <v>37</v>
      </c>
      <c r="Q49" s="3" t="s">
        <v>37</v>
      </c>
      <c r="R49" s="3" t="s">
        <v>39</v>
      </c>
      <c r="S49" s="3" t="s">
        <v>968</v>
      </c>
      <c r="T49" s="3" t="s">
        <v>37</v>
      </c>
      <c r="U49" s="3" t="s">
        <v>37</v>
      </c>
      <c r="V49" s="3" t="s">
        <v>37</v>
      </c>
    </row>
    <row r="50" spans="1:22" ht="14.45" customHeight="1" x14ac:dyDescent="0.25">
      <c r="A50" s="3" t="s">
        <v>904</v>
      </c>
      <c r="B50" s="4" t="s">
        <v>250</v>
      </c>
      <c r="C50" s="3" t="s">
        <v>251</v>
      </c>
      <c r="D50" s="5" t="s">
        <v>926</v>
      </c>
      <c r="E50" s="3" t="s">
        <v>927</v>
      </c>
      <c r="F50" s="3" t="s">
        <v>1083</v>
      </c>
      <c r="G50" s="3" t="s">
        <v>43</v>
      </c>
      <c r="H50" s="3" t="s">
        <v>29</v>
      </c>
      <c r="I50" s="3" t="s">
        <v>936</v>
      </c>
      <c r="J50" s="7" t="s">
        <v>930</v>
      </c>
      <c r="K50" s="3" t="s">
        <v>32</v>
      </c>
      <c r="L50" s="3" t="s">
        <v>33</v>
      </c>
      <c r="M50" s="3" t="s">
        <v>931</v>
      </c>
      <c r="N50" s="3" t="s">
        <v>234</v>
      </c>
      <c r="O50" s="3" t="s">
        <v>154</v>
      </c>
      <c r="P50" s="3" t="s">
        <v>37</v>
      </c>
      <c r="Q50" s="3" t="s">
        <v>37</v>
      </c>
      <c r="R50" s="3" t="s">
        <v>39</v>
      </c>
      <c r="S50" s="3" t="s">
        <v>1084</v>
      </c>
      <c r="T50" s="3" t="s">
        <v>37</v>
      </c>
      <c r="U50" s="3" t="s">
        <v>37</v>
      </c>
      <c r="V50" s="3" t="s">
        <v>37</v>
      </c>
    </row>
    <row r="51" spans="1:22" ht="14.45" customHeight="1" x14ac:dyDescent="0.25">
      <c r="A51" s="3" t="s">
        <v>904</v>
      </c>
      <c r="B51" s="4" t="s">
        <v>250</v>
      </c>
      <c r="C51" s="3" t="s">
        <v>251</v>
      </c>
      <c r="D51" s="5" t="s">
        <v>933</v>
      </c>
      <c r="E51" s="3" t="s">
        <v>927</v>
      </c>
      <c r="F51" s="3" t="s">
        <v>1004</v>
      </c>
      <c r="G51" s="3" t="s">
        <v>395</v>
      </c>
      <c r="H51" s="3" t="s">
        <v>29</v>
      </c>
      <c r="I51" s="3" t="s">
        <v>936</v>
      </c>
      <c r="J51" s="3" t="s">
        <v>1005</v>
      </c>
      <c r="K51" s="3" t="s">
        <v>32</v>
      </c>
      <c r="L51" s="3" t="s">
        <v>33</v>
      </c>
      <c r="M51" s="3" t="s">
        <v>931</v>
      </c>
      <c r="N51" s="3" t="s">
        <v>234</v>
      </c>
      <c r="O51" s="3" t="s">
        <v>154</v>
      </c>
      <c r="P51" s="3" t="s">
        <v>37</v>
      </c>
      <c r="Q51" s="3" t="s">
        <v>37</v>
      </c>
      <c r="R51" s="3" t="s">
        <v>39</v>
      </c>
      <c r="S51" s="3" t="s">
        <v>1006</v>
      </c>
      <c r="T51" s="3" t="s">
        <v>37</v>
      </c>
      <c r="U51" s="3" t="s">
        <v>37</v>
      </c>
      <c r="V51" s="3" t="s">
        <v>37</v>
      </c>
    </row>
    <row r="52" spans="1:22" ht="14.45" customHeight="1" x14ac:dyDescent="0.25">
      <c r="A52" s="3" t="s">
        <v>904</v>
      </c>
      <c r="B52" s="4" t="s">
        <v>250</v>
      </c>
      <c r="C52" s="3" t="s">
        <v>251</v>
      </c>
      <c r="D52" s="5" t="s">
        <v>939</v>
      </c>
      <c r="E52" s="3" t="s">
        <v>927</v>
      </c>
      <c r="F52" s="3" t="s">
        <v>1085</v>
      </c>
      <c r="G52" s="3" t="s">
        <v>133</v>
      </c>
      <c r="H52" s="3" t="s">
        <v>29</v>
      </c>
      <c r="I52" s="3" t="s">
        <v>929</v>
      </c>
      <c r="J52" s="3" t="s">
        <v>1086</v>
      </c>
      <c r="K52" s="3" t="s">
        <v>32</v>
      </c>
      <c r="L52" s="3" t="s">
        <v>33</v>
      </c>
      <c r="M52" s="3" t="s">
        <v>931</v>
      </c>
      <c r="N52" s="3" t="s">
        <v>234</v>
      </c>
      <c r="O52" s="3" t="s">
        <v>154</v>
      </c>
      <c r="P52" s="3" t="s">
        <v>37</v>
      </c>
      <c r="Q52" s="3" t="s">
        <v>37</v>
      </c>
      <c r="R52" s="3" t="s">
        <v>39</v>
      </c>
      <c r="S52" s="3" t="s">
        <v>1087</v>
      </c>
      <c r="T52" s="3" t="s">
        <v>37</v>
      </c>
      <c r="U52" s="3" t="s">
        <v>37</v>
      </c>
      <c r="V52" s="3" t="s">
        <v>37</v>
      </c>
    </row>
    <row r="53" spans="1:22" ht="14.45" customHeight="1" x14ac:dyDescent="0.25">
      <c r="A53" s="3" t="s">
        <v>904</v>
      </c>
      <c r="B53" s="4" t="s">
        <v>250</v>
      </c>
      <c r="C53" s="3" t="s">
        <v>251</v>
      </c>
      <c r="D53" s="5" t="s">
        <v>942</v>
      </c>
      <c r="E53" s="3" t="s">
        <v>927</v>
      </c>
      <c r="F53" s="3" t="s">
        <v>1088</v>
      </c>
      <c r="G53" s="3" t="s">
        <v>145</v>
      </c>
      <c r="H53" s="3" t="s">
        <v>29</v>
      </c>
      <c r="I53" s="3" t="s">
        <v>929</v>
      </c>
      <c r="J53" s="3" t="s">
        <v>1089</v>
      </c>
      <c r="K53" s="3" t="s">
        <v>32</v>
      </c>
      <c r="L53" s="3" t="s">
        <v>33</v>
      </c>
      <c r="M53" s="3" t="s">
        <v>931</v>
      </c>
      <c r="N53" s="3" t="s">
        <v>234</v>
      </c>
      <c r="O53" s="3" t="s">
        <v>154</v>
      </c>
      <c r="P53" s="3" t="s">
        <v>37</v>
      </c>
      <c r="Q53" s="3" t="s">
        <v>37</v>
      </c>
      <c r="R53" s="3" t="s">
        <v>39</v>
      </c>
      <c r="S53" s="3" t="s">
        <v>1090</v>
      </c>
      <c r="T53" s="3" t="s">
        <v>37</v>
      </c>
      <c r="U53" s="3" t="s">
        <v>37</v>
      </c>
      <c r="V53" s="3" t="s">
        <v>37</v>
      </c>
    </row>
    <row r="54" spans="1:22" ht="14.45" customHeight="1" x14ac:dyDescent="0.25">
      <c r="A54" s="3" t="s">
        <v>904</v>
      </c>
      <c r="B54" s="4" t="s">
        <v>250</v>
      </c>
      <c r="C54" s="3" t="s">
        <v>251</v>
      </c>
      <c r="D54" s="5" t="s">
        <v>945</v>
      </c>
      <c r="E54" s="3" t="s">
        <v>927</v>
      </c>
      <c r="F54" s="3" t="s">
        <v>1091</v>
      </c>
      <c r="G54" s="3" t="s">
        <v>309</v>
      </c>
      <c r="H54" s="3" t="s">
        <v>29</v>
      </c>
      <c r="I54" s="3" t="s">
        <v>936</v>
      </c>
      <c r="J54" s="7" t="s">
        <v>930</v>
      </c>
      <c r="K54" s="3" t="s">
        <v>32</v>
      </c>
      <c r="L54" s="3" t="s">
        <v>33</v>
      </c>
      <c r="M54" s="3" t="s">
        <v>931</v>
      </c>
      <c r="N54" s="3" t="s">
        <v>234</v>
      </c>
      <c r="O54" s="3" t="s">
        <v>154</v>
      </c>
      <c r="P54" s="3" t="s">
        <v>37</v>
      </c>
      <c r="Q54" s="3" t="s">
        <v>37</v>
      </c>
      <c r="R54" s="3" t="s">
        <v>39</v>
      </c>
      <c r="S54" s="3" t="s">
        <v>1092</v>
      </c>
      <c r="T54" s="3" t="s">
        <v>37</v>
      </c>
      <c r="U54" s="3" t="s">
        <v>37</v>
      </c>
      <c r="V54" s="3" t="s">
        <v>37</v>
      </c>
    </row>
    <row r="55" spans="1:22" ht="14.45" customHeight="1" x14ac:dyDescent="0.25">
      <c r="A55" s="3" t="s">
        <v>904</v>
      </c>
      <c r="B55" s="4" t="s">
        <v>250</v>
      </c>
      <c r="C55" s="3" t="s">
        <v>251</v>
      </c>
      <c r="D55" s="5" t="s">
        <v>283</v>
      </c>
      <c r="E55" s="3" t="s">
        <v>927</v>
      </c>
      <c r="F55" s="3" t="s">
        <v>1007</v>
      </c>
      <c r="G55" s="3" t="s">
        <v>122</v>
      </c>
      <c r="H55" s="3" t="s">
        <v>29</v>
      </c>
      <c r="I55" s="3" t="s">
        <v>929</v>
      </c>
      <c r="J55" s="3" t="s">
        <v>1008</v>
      </c>
      <c r="K55" s="3" t="s">
        <v>32</v>
      </c>
      <c r="L55" s="3" t="s">
        <v>33</v>
      </c>
      <c r="M55" s="3" t="s">
        <v>931</v>
      </c>
      <c r="N55" s="3" t="s">
        <v>234</v>
      </c>
      <c r="O55" s="3" t="s">
        <v>154</v>
      </c>
      <c r="P55" s="3" t="s">
        <v>37</v>
      </c>
      <c r="Q55" s="3" t="s">
        <v>37</v>
      </c>
      <c r="R55" s="3" t="s">
        <v>39</v>
      </c>
      <c r="S55" s="3" t="s">
        <v>1009</v>
      </c>
      <c r="T55" s="3" t="s">
        <v>37</v>
      </c>
      <c r="U55" s="3" t="s">
        <v>37</v>
      </c>
      <c r="V55" s="3" t="s">
        <v>37</v>
      </c>
    </row>
    <row r="56" spans="1:22" ht="14.45" customHeight="1" x14ac:dyDescent="0.25">
      <c r="A56" s="3" t="s">
        <v>904</v>
      </c>
      <c r="B56" s="4" t="s">
        <v>250</v>
      </c>
      <c r="C56" s="3" t="s">
        <v>251</v>
      </c>
      <c r="D56" s="5" t="s">
        <v>951</v>
      </c>
      <c r="E56" s="3" t="s">
        <v>952</v>
      </c>
      <c r="F56" s="3" t="s">
        <v>1093</v>
      </c>
      <c r="G56" s="3" t="s">
        <v>601</v>
      </c>
      <c r="H56" s="3" t="s">
        <v>88</v>
      </c>
      <c r="I56" s="3" t="s">
        <v>37</v>
      </c>
      <c r="J56" s="3" t="s">
        <v>1094</v>
      </c>
      <c r="K56" s="3" t="s">
        <v>32</v>
      </c>
      <c r="L56" s="3" t="s">
        <v>33</v>
      </c>
      <c r="M56" s="3" t="s">
        <v>74</v>
      </c>
      <c r="N56" s="3" t="s">
        <v>234</v>
      </c>
      <c r="O56" s="3" t="s">
        <v>105</v>
      </c>
      <c r="P56" s="3" t="s">
        <v>37</v>
      </c>
      <c r="Q56" s="3" t="s">
        <v>37</v>
      </c>
      <c r="R56" s="3" t="s">
        <v>39</v>
      </c>
      <c r="S56" s="3" t="s">
        <v>1095</v>
      </c>
      <c r="T56" s="3" t="s">
        <v>37</v>
      </c>
      <c r="U56" s="3" t="s">
        <v>37</v>
      </c>
      <c r="V56" s="3" t="s">
        <v>37</v>
      </c>
    </row>
    <row r="57" spans="1:22" ht="14.45" customHeight="1" x14ac:dyDescent="0.25">
      <c r="A57" s="3" t="s">
        <v>904</v>
      </c>
      <c r="B57" s="4" t="s">
        <v>250</v>
      </c>
      <c r="C57" s="3" t="s">
        <v>251</v>
      </c>
      <c r="D57" s="5" t="s">
        <v>956</v>
      </c>
      <c r="E57" s="3" t="s">
        <v>952</v>
      </c>
      <c r="F57" s="3" t="s">
        <v>1096</v>
      </c>
      <c r="G57" s="3" t="s">
        <v>552</v>
      </c>
      <c r="H57" s="3" t="s">
        <v>88</v>
      </c>
      <c r="I57" s="3" t="s">
        <v>37</v>
      </c>
      <c r="J57" s="3" t="s">
        <v>1097</v>
      </c>
      <c r="K57" s="3" t="s">
        <v>32</v>
      </c>
      <c r="L57" s="3" t="s">
        <v>33</v>
      </c>
      <c r="M57" s="3" t="s">
        <v>74</v>
      </c>
      <c r="N57" s="3" t="s">
        <v>234</v>
      </c>
      <c r="O57" s="3" t="s">
        <v>105</v>
      </c>
      <c r="P57" s="3" t="s">
        <v>37</v>
      </c>
      <c r="Q57" s="3" t="s">
        <v>37</v>
      </c>
      <c r="R57" s="3" t="s">
        <v>39</v>
      </c>
      <c r="S57" s="3" t="s">
        <v>1098</v>
      </c>
      <c r="T57" s="3" t="s">
        <v>37</v>
      </c>
      <c r="U57" s="3" t="s">
        <v>37</v>
      </c>
      <c r="V57" s="3" t="s">
        <v>37</v>
      </c>
    </row>
    <row r="58" spans="1:22" ht="14.45" customHeight="1" x14ac:dyDescent="0.25">
      <c r="A58" s="3" t="s">
        <v>904</v>
      </c>
      <c r="B58" s="4" t="s">
        <v>250</v>
      </c>
      <c r="C58" s="3" t="s">
        <v>251</v>
      </c>
      <c r="D58" s="5" t="s">
        <v>960</v>
      </c>
      <c r="E58" s="3" t="s">
        <v>961</v>
      </c>
      <c r="F58" s="3" t="s">
        <v>1099</v>
      </c>
      <c r="G58" s="3" t="s">
        <v>212</v>
      </c>
      <c r="H58" s="3" t="s">
        <v>29</v>
      </c>
      <c r="I58" s="3" t="s">
        <v>37</v>
      </c>
      <c r="J58" s="3" t="s">
        <v>1100</v>
      </c>
      <c r="K58" s="3" t="s">
        <v>32</v>
      </c>
      <c r="L58" s="3" t="s">
        <v>33</v>
      </c>
      <c r="M58" s="3" t="s">
        <v>74</v>
      </c>
      <c r="N58" s="3" t="s">
        <v>234</v>
      </c>
      <c r="O58" s="3" t="s">
        <v>105</v>
      </c>
      <c r="P58" s="3" t="s">
        <v>37</v>
      </c>
      <c r="Q58" s="3" t="s">
        <v>37</v>
      </c>
      <c r="R58" s="3" t="s">
        <v>39</v>
      </c>
      <c r="S58" s="3" t="s">
        <v>1101</v>
      </c>
      <c r="T58" s="3" t="s">
        <v>37</v>
      </c>
      <c r="U58" s="3" t="s">
        <v>37</v>
      </c>
      <c r="V58" s="3" t="s">
        <v>37</v>
      </c>
    </row>
    <row r="59" spans="1:22" ht="14.45" customHeight="1" x14ac:dyDescent="0.25">
      <c r="A59" s="3" t="s">
        <v>904</v>
      </c>
      <c r="B59" s="4" t="s">
        <v>250</v>
      </c>
      <c r="C59" s="3" t="s">
        <v>251</v>
      </c>
      <c r="D59" s="5" t="s">
        <v>965</v>
      </c>
      <c r="E59" s="3" t="s">
        <v>922</v>
      </c>
      <c r="F59" s="3" t="s">
        <v>976</v>
      </c>
      <c r="G59" s="3" t="s">
        <v>64</v>
      </c>
      <c r="H59" s="3" t="s">
        <v>29</v>
      </c>
      <c r="I59" s="3" t="s">
        <v>37</v>
      </c>
      <c r="J59" s="3" t="s">
        <v>977</v>
      </c>
      <c r="K59" s="3" t="s">
        <v>32</v>
      </c>
      <c r="L59" s="3" t="s">
        <v>33</v>
      </c>
      <c r="M59" s="3" t="s">
        <v>74</v>
      </c>
      <c r="N59" s="3" t="s">
        <v>75</v>
      </c>
      <c r="O59" s="3" t="s">
        <v>53</v>
      </c>
      <c r="P59" s="3" t="s">
        <v>37</v>
      </c>
      <c r="Q59" s="3" t="s">
        <v>37</v>
      </c>
      <c r="R59" s="3" t="s">
        <v>39</v>
      </c>
      <c r="S59" s="3" t="s">
        <v>978</v>
      </c>
      <c r="T59" s="3" t="s">
        <v>37</v>
      </c>
      <c r="U59" s="3" t="s">
        <v>37</v>
      </c>
      <c r="V59" s="3" t="s">
        <v>37</v>
      </c>
    </row>
    <row r="60" spans="1:22" ht="14.45" customHeight="1" x14ac:dyDescent="0.25">
      <c r="A60" s="3" t="s">
        <v>904</v>
      </c>
      <c r="B60" s="4" t="s">
        <v>250</v>
      </c>
      <c r="C60" s="3" t="s">
        <v>251</v>
      </c>
      <c r="D60" s="5" t="s">
        <v>969</v>
      </c>
      <c r="E60" s="3" t="s">
        <v>1020</v>
      </c>
      <c r="F60" s="3" t="s">
        <v>37</v>
      </c>
      <c r="G60" s="9">
        <v>1</v>
      </c>
      <c r="H60" s="9">
        <v>0</v>
      </c>
      <c r="I60" s="3" t="s">
        <v>37</v>
      </c>
      <c r="J60" s="8" t="s">
        <v>1021</v>
      </c>
      <c r="K60" s="3" t="s">
        <v>290</v>
      </c>
      <c r="L60" s="3" t="s">
        <v>37</v>
      </c>
      <c r="M60" s="3" t="s">
        <v>34</v>
      </c>
      <c r="N60" s="3" t="s">
        <v>234</v>
      </c>
      <c r="O60" s="3" t="s">
        <v>291</v>
      </c>
      <c r="P60" s="3" t="s">
        <v>37</v>
      </c>
      <c r="Q60" s="3" t="s">
        <v>37</v>
      </c>
      <c r="R60" s="3" t="s">
        <v>39</v>
      </c>
      <c r="S60" s="3" t="s">
        <v>1022</v>
      </c>
      <c r="T60" s="3" t="s">
        <v>37</v>
      </c>
      <c r="U60" s="3" t="s">
        <v>37</v>
      </c>
      <c r="V60" s="3" t="s">
        <v>37</v>
      </c>
    </row>
    <row r="61" spans="1:22" ht="14.45" customHeight="1" x14ac:dyDescent="0.25">
      <c r="A61" s="3" t="s">
        <v>904</v>
      </c>
      <c r="B61" s="4" t="s">
        <v>250</v>
      </c>
      <c r="C61" s="3" t="s">
        <v>251</v>
      </c>
      <c r="D61" s="5" t="s">
        <v>975</v>
      </c>
      <c r="E61" s="3" t="s">
        <v>1102</v>
      </c>
      <c r="F61" s="3" t="s">
        <v>1103</v>
      </c>
      <c r="G61" s="3" t="s">
        <v>1104</v>
      </c>
      <c r="H61" s="3" t="s">
        <v>88</v>
      </c>
      <c r="I61" s="3" t="s">
        <v>1105</v>
      </c>
      <c r="J61" s="3" t="s">
        <v>1106</v>
      </c>
      <c r="K61" s="3" t="s">
        <v>32</v>
      </c>
      <c r="L61" s="3" t="s">
        <v>33</v>
      </c>
      <c r="M61" s="3" t="s">
        <v>74</v>
      </c>
      <c r="N61" s="3" t="s">
        <v>370</v>
      </c>
      <c r="O61" s="3" t="s">
        <v>105</v>
      </c>
      <c r="P61" s="3" t="s">
        <v>37</v>
      </c>
      <c r="Q61" s="3" t="s">
        <v>37</v>
      </c>
      <c r="R61" s="3" t="s">
        <v>39</v>
      </c>
      <c r="S61" s="3" t="s">
        <v>1107</v>
      </c>
      <c r="T61" s="3" t="s">
        <v>37</v>
      </c>
      <c r="U61" s="3" t="s">
        <v>37</v>
      </c>
      <c r="V61" s="3" t="s">
        <v>37</v>
      </c>
    </row>
    <row r="62" spans="1:22" ht="14.45" customHeight="1" x14ac:dyDescent="0.25">
      <c r="A62" s="3" t="s">
        <v>904</v>
      </c>
      <c r="B62" s="4" t="s">
        <v>250</v>
      </c>
      <c r="C62" s="3" t="s">
        <v>251</v>
      </c>
      <c r="D62" s="5" t="s">
        <v>979</v>
      </c>
      <c r="E62" s="3" t="s">
        <v>1102</v>
      </c>
      <c r="F62" s="3" t="s">
        <v>1108</v>
      </c>
      <c r="G62" s="3" t="s">
        <v>1109</v>
      </c>
      <c r="H62" s="3" t="s">
        <v>88</v>
      </c>
      <c r="I62" s="3" t="s">
        <v>1110</v>
      </c>
      <c r="J62" s="3" t="s">
        <v>1111</v>
      </c>
      <c r="K62" s="3" t="s">
        <v>32</v>
      </c>
      <c r="L62" s="3" t="s">
        <v>33</v>
      </c>
      <c r="M62" s="3" t="s">
        <v>74</v>
      </c>
      <c r="N62" s="3" t="s">
        <v>370</v>
      </c>
      <c r="O62" s="3" t="s">
        <v>105</v>
      </c>
      <c r="P62" s="3" t="s">
        <v>37</v>
      </c>
      <c r="Q62" s="3" t="s">
        <v>37</v>
      </c>
      <c r="R62" s="3" t="s">
        <v>39</v>
      </c>
      <c r="S62" s="3" t="s">
        <v>1112</v>
      </c>
      <c r="T62" s="3" t="s">
        <v>37</v>
      </c>
      <c r="U62" s="3" t="s">
        <v>37</v>
      </c>
      <c r="V62" s="3" t="s">
        <v>37</v>
      </c>
    </row>
    <row r="63" spans="1:22" ht="14.45" customHeight="1" x14ac:dyDescent="0.25">
      <c r="A63" s="3" t="s">
        <v>904</v>
      </c>
      <c r="B63" s="4" t="s">
        <v>250</v>
      </c>
      <c r="C63" s="3" t="s">
        <v>251</v>
      </c>
      <c r="D63" s="5" t="s">
        <v>120</v>
      </c>
      <c r="E63" s="3" t="s">
        <v>1102</v>
      </c>
      <c r="F63" s="3" t="s">
        <v>1113</v>
      </c>
      <c r="G63" s="3" t="s">
        <v>1114</v>
      </c>
      <c r="H63" s="3" t="s">
        <v>88</v>
      </c>
      <c r="I63" s="3" t="s">
        <v>1115</v>
      </c>
      <c r="J63" s="3" t="s">
        <v>1116</v>
      </c>
      <c r="K63" s="3" t="s">
        <v>32</v>
      </c>
      <c r="L63" s="3" t="s">
        <v>33</v>
      </c>
      <c r="M63" s="3" t="s">
        <v>74</v>
      </c>
      <c r="N63" s="3" t="s">
        <v>370</v>
      </c>
      <c r="O63" s="3" t="s">
        <v>105</v>
      </c>
      <c r="P63" s="3" t="s">
        <v>37</v>
      </c>
      <c r="Q63" s="3" t="s">
        <v>37</v>
      </c>
      <c r="R63" s="3" t="s">
        <v>39</v>
      </c>
      <c r="S63" s="3" t="s">
        <v>1117</v>
      </c>
      <c r="T63" s="3" t="s">
        <v>37</v>
      </c>
      <c r="U63" s="3" t="s">
        <v>37</v>
      </c>
      <c r="V63" s="3" t="s">
        <v>37</v>
      </c>
    </row>
    <row r="64" spans="1:22" ht="14.45" customHeight="1" x14ac:dyDescent="0.25">
      <c r="A64" s="3" t="s">
        <v>904</v>
      </c>
      <c r="B64" s="4" t="s">
        <v>250</v>
      </c>
      <c r="C64" s="3" t="s">
        <v>251</v>
      </c>
      <c r="D64" s="5" t="s">
        <v>466</v>
      </c>
      <c r="E64" s="3" t="s">
        <v>1102</v>
      </c>
      <c r="F64" s="3" t="s">
        <v>1118</v>
      </c>
      <c r="G64" s="3" t="s">
        <v>1119</v>
      </c>
      <c r="H64" s="3" t="s">
        <v>88</v>
      </c>
      <c r="I64" s="3" t="s">
        <v>1120</v>
      </c>
      <c r="J64" s="3" t="s">
        <v>1121</v>
      </c>
      <c r="K64" s="3" t="s">
        <v>32</v>
      </c>
      <c r="L64" s="3" t="s">
        <v>33</v>
      </c>
      <c r="M64" s="3" t="s">
        <v>74</v>
      </c>
      <c r="N64" s="3" t="s">
        <v>370</v>
      </c>
      <c r="O64" s="3" t="s">
        <v>105</v>
      </c>
      <c r="P64" s="3" t="s">
        <v>37</v>
      </c>
      <c r="Q64" s="3" t="s">
        <v>37</v>
      </c>
      <c r="R64" s="3" t="s">
        <v>39</v>
      </c>
      <c r="S64" s="3" t="s">
        <v>1122</v>
      </c>
      <c r="T64" s="3" t="s">
        <v>37</v>
      </c>
      <c r="U64" s="3" t="s">
        <v>37</v>
      </c>
      <c r="V64" s="3" t="s">
        <v>37</v>
      </c>
    </row>
    <row r="65" spans="1:22" ht="14.45" customHeight="1" x14ac:dyDescent="0.25">
      <c r="A65" s="3" t="s">
        <v>904</v>
      </c>
      <c r="B65" s="4" t="s">
        <v>250</v>
      </c>
      <c r="C65" s="3" t="s">
        <v>251</v>
      </c>
      <c r="D65" s="5" t="s">
        <v>129</v>
      </c>
      <c r="E65" s="3" t="s">
        <v>1102</v>
      </c>
      <c r="F65" s="3" t="s">
        <v>1123</v>
      </c>
      <c r="G65" s="3" t="s">
        <v>1124</v>
      </c>
      <c r="H65" s="3" t="s">
        <v>88</v>
      </c>
      <c r="I65" s="3" t="s">
        <v>1125</v>
      </c>
      <c r="J65" s="3" t="s">
        <v>1126</v>
      </c>
      <c r="K65" s="3" t="s">
        <v>32</v>
      </c>
      <c r="L65" s="3" t="s">
        <v>33</v>
      </c>
      <c r="M65" s="3" t="s">
        <v>74</v>
      </c>
      <c r="N65" s="3" t="s">
        <v>370</v>
      </c>
      <c r="O65" s="3" t="s">
        <v>105</v>
      </c>
      <c r="P65" s="3" t="s">
        <v>37</v>
      </c>
      <c r="Q65" s="3" t="s">
        <v>37</v>
      </c>
      <c r="R65" s="3" t="s">
        <v>39</v>
      </c>
      <c r="S65" s="3" t="s">
        <v>1127</v>
      </c>
      <c r="T65" s="3" t="s">
        <v>37</v>
      </c>
      <c r="U65" s="3" t="s">
        <v>37</v>
      </c>
      <c r="V65" s="3" t="s">
        <v>37</v>
      </c>
    </row>
    <row r="66" spans="1:22" ht="14.45" customHeight="1" x14ac:dyDescent="0.25">
      <c r="A66" s="3" t="s">
        <v>904</v>
      </c>
      <c r="B66" s="4" t="s">
        <v>250</v>
      </c>
      <c r="C66" s="3" t="s">
        <v>251</v>
      </c>
      <c r="D66" s="5" t="s">
        <v>992</v>
      </c>
      <c r="E66" s="3" t="s">
        <v>1102</v>
      </c>
      <c r="F66" s="3" t="s">
        <v>1128</v>
      </c>
      <c r="G66" s="3" t="s">
        <v>1129</v>
      </c>
      <c r="H66" s="3" t="s">
        <v>88</v>
      </c>
      <c r="I66" s="3" t="s">
        <v>1130</v>
      </c>
      <c r="J66" s="3" t="s">
        <v>1131</v>
      </c>
      <c r="K66" s="3" t="s">
        <v>32</v>
      </c>
      <c r="L66" s="3" t="s">
        <v>33</v>
      </c>
      <c r="M66" s="3" t="s">
        <v>74</v>
      </c>
      <c r="N66" s="3" t="s">
        <v>370</v>
      </c>
      <c r="O66" s="3" t="s">
        <v>105</v>
      </c>
      <c r="P66" s="3" t="s">
        <v>37</v>
      </c>
      <c r="Q66" s="3" t="s">
        <v>37</v>
      </c>
      <c r="R66" s="3" t="s">
        <v>39</v>
      </c>
      <c r="S66" s="3" t="s">
        <v>1132</v>
      </c>
      <c r="T66" s="3" t="s">
        <v>37</v>
      </c>
      <c r="U66" s="3" t="s">
        <v>37</v>
      </c>
      <c r="V66" s="3" t="s">
        <v>37</v>
      </c>
    </row>
    <row r="67" spans="1:22" ht="14.45" customHeight="1" x14ac:dyDescent="0.25">
      <c r="A67" s="3" t="s">
        <v>904</v>
      </c>
      <c r="B67" s="4" t="s">
        <v>250</v>
      </c>
      <c r="C67" s="3" t="s">
        <v>251</v>
      </c>
      <c r="D67" s="5" t="s">
        <v>148</v>
      </c>
      <c r="E67" s="3" t="s">
        <v>996</v>
      </c>
      <c r="F67" s="3" t="s">
        <v>1133</v>
      </c>
      <c r="G67" s="3" t="s">
        <v>732</v>
      </c>
      <c r="H67" s="3" t="s">
        <v>133</v>
      </c>
      <c r="I67" s="3" t="s">
        <v>37</v>
      </c>
      <c r="J67" s="3" t="s">
        <v>1134</v>
      </c>
      <c r="K67" s="3" t="s">
        <v>32</v>
      </c>
      <c r="L67" s="3" t="s">
        <v>33</v>
      </c>
      <c r="M67" s="3" t="s">
        <v>74</v>
      </c>
      <c r="N67" s="3" t="s">
        <v>75</v>
      </c>
      <c r="O67" s="3" t="s">
        <v>105</v>
      </c>
      <c r="P67" s="3" t="s">
        <v>37</v>
      </c>
      <c r="Q67" s="3" t="s">
        <v>37</v>
      </c>
      <c r="R67" s="3" t="s">
        <v>39</v>
      </c>
      <c r="S67" s="3" t="s">
        <v>1135</v>
      </c>
      <c r="T67" s="3" t="s">
        <v>37</v>
      </c>
      <c r="U67" s="3" t="s">
        <v>37</v>
      </c>
      <c r="V67" s="3" t="s">
        <v>37</v>
      </c>
    </row>
    <row r="68" spans="1:22" ht="14.45" customHeight="1" x14ac:dyDescent="0.25">
      <c r="A68" s="3" t="s">
        <v>904</v>
      </c>
      <c r="B68" s="4" t="s">
        <v>250</v>
      </c>
      <c r="C68" s="3" t="s">
        <v>251</v>
      </c>
      <c r="D68" s="5" t="s">
        <v>160</v>
      </c>
      <c r="E68" s="3" t="s">
        <v>996</v>
      </c>
      <c r="F68" s="3" t="s">
        <v>1136</v>
      </c>
      <c r="G68" s="3" t="s">
        <v>478</v>
      </c>
      <c r="H68" s="3" t="s">
        <v>133</v>
      </c>
      <c r="I68" s="3" t="s">
        <v>37</v>
      </c>
      <c r="J68" s="3" t="s">
        <v>1137</v>
      </c>
      <c r="K68" s="3" t="s">
        <v>32</v>
      </c>
      <c r="L68" s="3" t="s">
        <v>33</v>
      </c>
      <c r="M68" s="3" t="s">
        <v>74</v>
      </c>
      <c r="N68" s="3" t="s">
        <v>75</v>
      </c>
      <c r="O68" s="3" t="s">
        <v>105</v>
      </c>
      <c r="P68" s="3" t="s">
        <v>37</v>
      </c>
      <c r="Q68" s="3" t="s">
        <v>37</v>
      </c>
      <c r="R68" s="3" t="s">
        <v>39</v>
      </c>
      <c r="S68" s="3" t="s">
        <v>1138</v>
      </c>
      <c r="T68" s="3" t="s">
        <v>37</v>
      </c>
      <c r="U68" s="3" t="s">
        <v>37</v>
      </c>
      <c r="V68" s="3" t="s">
        <v>37</v>
      </c>
    </row>
    <row r="69" spans="1:22" ht="14.45" customHeight="1" x14ac:dyDescent="0.25">
      <c r="A69" s="3" t="s">
        <v>904</v>
      </c>
      <c r="B69" s="4" t="s">
        <v>250</v>
      </c>
      <c r="C69" s="3" t="s">
        <v>251</v>
      </c>
      <c r="D69" s="5" t="s">
        <v>1003</v>
      </c>
      <c r="E69" s="3" t="s">
        <v>927</v>
      </c>
      <c r="F69" s="3" t="s">
        <v>1139</v>
      </c>
      <c r="G69" s="3" t="s">
        <v>478</v>
      </c>
      <c r="H69" s="3" t="s">
        <v>29</v>
      </c>
      <c r="I69" s="3" t="s">
        <v>936</v>
      </c>
      <c r="J69" s="7" t="s">
        <v>930</v>
      </c>
      <c r="K69" s="3" t="s">
        <v>32</v>
      </c>
      <c r="L69" s="3" t="s">
        <v>33</v>
      </c>
      <c r="M69" s="3" t="s">
        <v>931</v>
      </c>
      <c r="N69" s="3" t="s">
        <v>234</v>
      </c>
      <c r="O69" s="3" t="s">
        <v>154</v>
      </c>
      <c r="P69" s="3" t="s">
        <v>37</v>
      </c>
      <c r="Q69" s="3" t="s">
        <v>37</v>
      </c>
      <c r="R69" s="3" t="s">
        <v>39</v>
      </c>
      <c r="S69" s="3" t="s">
        <v>1140</v>
      </c>
      <c r="T69" s="3" t="s">
        <v>37</v>
      </c>
      <c r="U69" s="3" t="s">
        <v>37</v>
      </c>
      <c r="V69" s="3" t="s">
        <v>37</v>
      </c>
    </row>
    <row r="70" spans="1:22" ht="14.45" customHeight="1" x14ac:dyDescent="0.25">
      <c r="A70" s="3" t="s">
        <v>904</v>
      </c>
      <c r="B70" s="4" t="s">
        <v>250</v>
      </c>
      <c r="C70" s="3" t="s">
        <v>251</v>
      </c>
      <c r="D70" s="5" t="s">
        <v>171</v>
      </c>
      <c r="E70" s="3" t="s">
        <v>927</v>
      </c>
      <c r="F70" s="3" t="s">
        <v>1141</v>
      </c>
      <c r="G70" s="3" t="s">
        <v>173</v>
      </c>
      <c r="H70" s="3" t="s">
        <v>29</v>
      </c>
      <c r="I70" s="3" t="s">
        <v>929</v>
      </c>
      <c r="J70" s="7" t="s">
        <v>930</v>
      </c>
      <c r="K70" s="3" t="s">
        <v>32</v>
      </c>
      <c r="L70" s="3" t="s">
        <v>33</v>
      </c>
      <c r="M70" s="3" t="s">
        <v>931</v>
      </c>
      <c r="N70" s="3" t="s">
        <v>234</v>
      </c>
      <c r="O70" s="3" t="s">
        <v>154</v>
      </c>
      <c r="P70" s="3" t="s">
        <v>37</v>
      </c>
      <c r="Q70" s="3" t="s">
        <v>37</v>
      </c>
      <c r="R70" s="3" t="s">
        <v>39</v>
      </c>
      <c r="S70" s="3" t="s">
        <v>1142</v>
      </c>
      <c r="T70" s="3" t="s">
        <v>37</v>
      </c>
      <c r="U70" s="3" t="s">
        <v>37</v>
      </c>
      <c r="V70" s="3" t="s">
        <v>37</v>
      </c>
    </row>
    <row r="71" spans="1:22" ht="14.45" customHeight="1" x14ac:dyDescent="0.25">
      <c r="A71" s="3" t="s">
        <v>904</v>
      </c>
      <c r="B71" s="4" t="s">
        <v>250</v>
      </c>
      <c r="C71" s="3" t="s">
        <v>251</v>
      </c>
      <c r="D71" s="5" t="s">
        <v>1010</v>
      </c>
      <c r="E71" s="3" t="s">
        <v>927</v>
      </c>
      <c r="F71" s="3" t="s">
        <v>1143</v>
      </c>
      <c r="G71" s="3" t="s">
        <v>781</v>
      </c>
      <c r="H71" s="3" t="s">
        <v>29</v>
      </c>
      <c r="I71" s="3" t="s">
        <v>929</v>
      </c>
      <c r="J71" s="3" t="s">
        <v>1144</v>
      </c>
      <c r="K71" s="3" t="s">
        <v>32</v>
      </c>
      <c r="L71" s="3" t="s">
        <v>33</v>
      </c>
      <c r="M71" s="3" t="s">
        <v>931</v>
      </c>
      <c r="N71" s="3" t="s">
        <v>234</v>
      </c>
      <c r="O71" s="3" t="s">
        <v>154</v>
      </c>
      <c r="P71" s="3" t="s">
        <v>37</v>
      </c>
      <c r="Q71" s="3" t="s">
        <v>37</v>
      </c>
      <c r="R71" s="3" t="s">
        <v>39</v>
      </c>
      <c r="S71" s="3" t="s">
        <v>1145</v>
      </c>
      <c r="T71" s="3" t="s">
        <v>37</v>
      </c>
      <c r="U71" s="3" t="s">
        <v>37</v>
      </c>
      <c r="V71" s="3" t="s">
        <v>37</v>
      </c>
    </row>
    <row r="72" spans="1:22" ht="14.45" customHeight="1" x14ac:dyDescent="0.25">
      <c r="A72" s="3" t="s">
        <v>904</v>
      </c>
      <c r="B72" s="4" t="s">
        <v>250</v>
      </c>
      <c r="C72" s="3" t="s">
        <v>251</v>
      </c>
      <c r="D72" s="5" t="s">
        <v>1014</v>
      </c>
      <c r="E72" s="3" t="s">
        <v>922</v>
      </c>
      <c r="F72" s="3" t="s">
        <v>976</v>
      </c>
      <c r="G72" s="3" t="s">
        <v>64</v>
      </c>
      <c r="H72" s="3" t="s">
        <v>29</v>
      </c>
      <c r="I72" s="3" t="s">
        <v>37</v>
      </c>
      <c r="J72" s="3" t="s">
        <v>977</v>
      </c>
      <c r="K72" s="3" t="s">
        <v>32</v>
      </c>
      <c r="L72" s="3" t="s">
        <v>33</v>
      </c>
      <c r="M72" s="3" t="s">
        <v>74</v>
      </c>
      <c r="N72" s="3" t="s">
        <v>75</v>
      </c>
      <c r="O72" s="3" t="s">
        <v>53</v>
      </c>
      <c r="P72" s="3" t="s">
        <v>37</v>
      </c>
      <c r="Q72" s="3" t="s">
        <v>37</v>
      </c>
      <c r="R72" s="3" t="s">
        <v>39</v>
      </c>
      <c r="S72" s="3" t="s">
        <v>978</v>
      </c>
      <c r="T72" s="3" t="s">
        <v>37</v>
      </c>
      <c r="U72" s="3" t="s">
        <v>37</v>
      </c>
      <c r="V72" s="3" t="s">
        <v>37</v>
      </c>
    </row>
    <row r="73" spans="1:22" ht="14.45" customHeight="1" x14ac:dyDescent="0.25">
      <c r="A73" s="3" t="s">
        <v>904</v>
      </c>
      <c r="B73" s="4" t="s">
        <v>250</v>
      </c>
      <c r="C73" s="3" t="s">
        <v>251</v>
      </c>
      <c r="D73" s="5" t="s">
        <v>1015</v>
      </c>
      <c r="E73" s="3" t="s">
        <v>961</v>
      </c>
      <c r="F73" s="3" t="s">
        <v>962</v>
      </c>
      <c r="G73" s="3" t="s">
        <v>217</v>
      </c>
      <c r="H73" s="3" t="s">
        <v>29</v>
      </c>
      <c r="I73" s="3" t="s">
        <v>37</v>
      </c>
      <c r="J73" s="3" t="s">
        <v>963</v>
      </c>
      <c r="K73" s="3" t="s">
        <v>32</v>
      </c>
      <c r="L73" s="3" t="s">
        <v>33</v>
      </c>
      <c r="M73" s="3" t="s">
        <v>74</v>
      </c>
      <c r="N73" s="3" t="s">
        <v>234</v>
      </c>
      <c r="O73" s="3" t="s">
        <v>105</v>
      </c>
      <c r="P73" s="3" t="s">
        <v>37</v>
      </c>
      <c r="Q73" s="3" t="s">
        <v>37</v>
      </c>
      <c r="R73" s="3" t="s">
        <v>39</v>
      </c>
      <c r="S73" s="3" t="s">
        <v>964</v>
      </c>
      <c r="T73" s="3" t="s">
        <v>37</v>
      </c>
      <c r="U73" s="3" t="s">
        <v>37</v>
      </c>
      <c r="V73" s="3" t="s">
        <v>37</v>
      </c>
    </row>
    <row r="74" spans="1:22" ht="14.45" customHeight="1" x14ac:dyDescent="0.25">
      <c r="A74" s="3" t="s">
        <v>904</v>
      </c>
      <c r="B74" s="4" t="s">
        <v>250</v>
      </c>
      <c r="C74" s="3" t="s">
        <v>251</v>
      </c>
      <c r="D74" s="5" t="s">
        <v>1019</v>
      </c>
      <c r="E74" s="3" t="s">
        <v>970</v>
      </c>
      <c r="F74" s="3" t="s">
        <v>37</v>
      </c>
      <c r="G74" s="9">
        <v>1</v>
      </c>
      <c r="H74" s="9">
        <v>0</v>
      </c>
      <c r="I74" s="3" t="s">
        <v>971</v>
      </c>
      <c r="J74" s="3" t="s">
        <v>972</v>
      </c>
      <c r="K74" s="3" t="s">
        <v>290</v>
      </c>
      <c r="L74" s="3" t="s">
        <v>33</v>
      </c>
      <c r="M74" s="3" t="s">
        <v>74</v>
      </c>
      <c r="N74" s="3" t="s">
        <v>153</v>
      </c>
      <c r="O74" s="3" t="s">
        <v>973</v>
      </c>
      <c r="P74" s="3" t="s">
        <v>37</v>
      </c>
      <c r="Q74" s="3" t="s">
        <v>37</v>
      </c>
      <c r="R74" s="3" t="s">
        <v>39</v>
      </c>
      <c r="S74" s="3" t="s">
        <v>974</v>
      </c>
      <c r="T74" s="3" t="s">
        <v>37</v>
      </c>
      <c r="U74" s="3" t="s">
        <v>37</v>
      </c>
      <c r="V74" s="3" t="s">
        <v>37</v>
      </c>
    </row>
    <row r="75" spans="1:22" ht="14.45" customHeight="1" x14ac:dyDescent="0.25">
      <c r="A75" s="3" t="s">
        <v>904</v>
      </c>
      <c r="B75" s="4" t="s">
        <v>250</v>
      </c>
      <c r="C75" s="3" t="s">
        <v>251</v>
      </c>
      <c r="D75" s="5" t="s">
        <v>1023</v>
      </c>
      <c r="E75" s="3" t="s">
        <v>1024</v>
      </c>
      <c r="F75" s="3" t="s">
        <v>1146</v>
      </c>
      <c r="G75" s="3" t="s">
        <v>696</v>
      </c>
      <c r="H75" s="3" t="s">
        <v>133</v>
      </c>
      <c r="I75" s="3" t="s">
        <v>37</v>
      </c>
      <c r="J75" s="3" t="s">
        <v>1147</v>
      </c>
      <c r="K75" s="3" t="s">
        <v>32</v>
      </c>
      <c r="L75" s="3" t="s">
        <v>33</v>
      </c>
      <c r="M75" s="3" t="s">
        <v>74</v>
      </c>
      <c r="N75" s="3" t="s">
        <v>153</v>
      </c>
      <c r="O75" s="3" t="s">
        <v>53</v>
      </c>
      <c r="P75" s="3" t="s">
        <v>54</v>
      </c>
      <c r="Q75" s="3" t="s">
        <v>37</v>
      </c>
      <c r="R75" s="3" t="s">
        <v>39</v>
      </c>
      <c r="S75" s="3" t="s">
        <v>1148</v>
      </c>
      <c r="T75" s="3" t="s">
        <v>37</v>
      </c>
      <c r="U75" s="3" t="s">
        <v>37</v>
      </c>
      <c r="V75" s="3" t="s">
        <v>37</v>
      </c>
    </row>
    <row r="76" spans="1:22" ht="14.45" customHeight="1" x14ac:dyDescent="0.25">
      <c r="A76" s="3" t="s">
        <v>904</v>
      </c>
      <c r="B76" s="4" t="s">
        <v>250</v>
      </c>
      <c r="C76" s="3" t="s">
        <v>251</v>
      </c>
      <c r="D76" s="5" t="s">
        <v>201</v>
      </c>
      <c r="E76" s="3" t="s">
        <v>1028</v>
      </c>
      <c r="F76" s="3" t="s">
        <v>1149</v>
      </c>
      <c r="G76" s="3" t="s">
        <v>601</v>
      </c>
      <c r="H76" s="3" t="s">
        <v>88</v>
      </c>
      <c r="I76" s="3" t="s">
        <v>1150</v>
      </c>
      <c r="J76" s="3" t="s">
        <v>1151</v>
      </c>
      <c r="K76" s="3" t="s">
        <v>32</v>
      </c>
      <c r="L76" s="3" t="s">
        <v>33</v>
      </c>
      <c r="M76" s="3" t="s">
        <v>74</v>
      </c>
      <c r="N76" s="3" t="s">
        <v>52</v>
      </c>
      <c r="O76" s="3" t="s">
        <v>36</v>
      </c>
      <c r="P76" s="3" t="s">
        <v>37</v>
      </c>
      <c r="Q76" s="3" t="s">
        <v>37</v>
      </c>
      <c r="R76" s="3" t="s">
        <v>39</v>
      </c>
      <c r="S76" s="3" t="s">
        <v>1152</v>
      </c>
      <c r="T76" s="3" t="s">
        <v>37</v>
      </c>
      <c r="U76" s="3" t="s">
        <v>37</v>
      </c>
      <c r="V76" s="3" t="s">
        <v>37</v>
      </c>
    </row>
    <row r="77" spans="1:22" ht="14.45" customHeight="1" x14ac:dyDescent="0.25">
      <c r="A77" s="3" t="s">
        <v>904</v>
      </c>
      <c r="B77" s="4" t="s">
        <v>250</v>
      </c>
      <c r="C77" s="3" t="s">
        <v>251</v>
      </c>
      <c r="D77" s="5" t="s">
        <v>353</v>
      </c>
      <c r="E77" s="3" t="s">
        <v>1028</v>
      </c>
      <c r="F77" s="3" t="s">
        <v>1153</v>
      </c>
      <c r="G77" s="3" t="s">
        <v>1154</v>
      </c>
      <c r="H77" s="3" t="s">
        <v>133</v>
      </c>
      <c r="I77" s="3" t="s">
        <v>37</v>
      </c>
      <c r="J77" s="3" t="s">
        <v>1155</v>
      </c>
      <c r="K77" s="3" t="s">
        <v>32</v>
      </c>
      <c r="L77" s="3" t="s">
        <v>37</v>
      </c>
      <c r="M77" s="3" t="s">
        <v>74</v>
      </c>
      <c r="N77" s="3" t="s">
        <v>35</v>
      </c>
      <c r="O77" s="3" t="s">
        <v>36</v>
      </c>
      <c r="P77" s="3" t="s">
        <v>37</v>
      </c>
      <c r="Q77" s="3" t="s">
        <v>37</v>
      </c>
      <c r="R77" s="3" t="s">
        <v>39</v>
      </c>
      <c r="S77" s="3" t="s">
        <v>1156</v>
      </c>
      <c r="T77" s="3" t="s">
        <v>37</v>
      </c>
      <c r="U77" s="3" t="s">
        <v>37</v>
      </c>
      <c r="V77" s="3" t="s">
        <v>37</v>
      </c>
    </row>
    <row r="78" spans="1:22" ht="14.45" customHeight="1" x14ac:dyDescent="0.25">
      <c r="A78" s="3" t="s">
        <v>904</v>
      </c>
      <c r="B78" s="4" t="s">
        <v>250</v>
      </c>
      <c r="C78" s="3" t="s">
        <v>251</v>
      </c>
      <c r="D78" s="5" t="s">
        <v>494</v>
      </c>
      <c r="E78" s="3" t="s">
        <v>495</v>
      </c>
      <c r="F78" s="3" t="s">
        <v>1157</v>
      </c>
      <c r="G78" s="3" t="s">
        <v>345</v>
      </c>
      <c r="H78" s="3" t="s">
        <v>88</v>
      </c>
      <c r="I78" s="3" t="s">
        <v>497</v>
      </c>
      <c r="J78" s="3" t="s">
        <v>1158</v>
      </c>
      <c r="K78" s="3" t="s">
        <v>32</v>
      </c>
      <c r="L78" s="3" t="s">
        <v>33</v>
      </c>
      <c r="M78" s="3" t="s">
        <v>34</v>
      </c>
      <c r="N78" s="3" t="s">
        <v>234</v>
      </c>
      <c r="O78" s="3" t="s">
        <v>105</v>
      </c>
      <c r="P78" s="3" t="s">
        <v>37</v>
      </c>
      <c r="Q78" s="3" t="s">
        <v>37</v>
      </c>
      <c r="R78" s="3" t="s">
        <v>39</v>
      </c>
      <c r="S78" s="3" t="s">
        <v>1159</v>
      </c>
      <c r="T78" s="3" t="s">
        <v>37</v>
      </c>
      <c r="U78" s="3" t="s">
        <v>37</v>
      </c>
      <c r="V78" s="3" t="s">
        <v>37</v>
      </c>
    </row>
    <row r="79" spans="1:22" ht="14.45" customHeight="1" x14ac:dyDescent="0.25">
      <c r="A79" s="3" t="s">
        <v>904</v>
      </c>
      <c r="B79" s="4" t="s">
        <v>250</v>
      </c>
      <c r="C79" s="3" t="s">
        <v>251</v>
      </c>
      <c r="D79" s="5" t="s">
        <v>1040</v>
      </c>
      <c r="E79" s="3" t="s">
        <v>495</v>
      </c>
      <c r="F79" s="3" t="s">
        <v>1160</v>
      </c>
      <c r="G79" s="3" t="s">
        <v>350</v>
      </c>
      <c r="H79" s="3" t="s">
        <v>88</v>
      </c>
      <c r="I79" s="3" t="s">
        <v>497</v>
      </c>
      <c r="J79" s="3" t="s">
        <v>1161</v>
      </c>
      <c r="K79" s="3" t="s">
        <v>32</v>
      </c>
      <c r="L79" s="3" t="s">
        <v>33</v>
      </c>
      <c r="M79" s="3" t="s">
        <v>34</v>
      </c>
      <c r="N79" s="3" t="s">
        <v>234</v>
      </c>
      <c r="O79" s="3" t="s">
        <v>105</v>
      </c>
      <c r="P79" s="3" t="s">
        <v>37</v>
      </c>
      <c r="Q79" s="3" t="s">
        <v>37</v>
      </c>
      <c r="R79" s="3" t="s">
        <v>39</v>
      </c>
      <c r="S79" s="3" t="s">
        <v>1162</v>
      </c>
      <c r="T79" s="3" t="s">
        <v>37</v>
      </c>
      <c r="U79" s="3" t="s">
        <v>37</v>
      </c>
      <c r="V79" s="3" t="s">
        <v>37</v>
      </c>
    </row>
    <row r="80" spans="1:22" ht="14.45" customHeight="1" x14ac:dyDescent="0.25">
      <c r="A80" s="3" t="s">
        <v>904</v>
      </c>
      <c r="B80" s="4" t="s">
        <v>250</v>
      </c>
      <c r="C80" s="3" t="s">
        <v>251</v>
      </c>
      <c r="D80" s="5" t="s">
        <v>220</v>
      </c>
      <c r="E80" s="3" t="s">
        <v>495</v>
      </c>
      <c r="F80" s="3" t="s">
        <v>1163</v>
      </c>
      <c r="G80" s="3" t="s">
        <v>87</v>
      </c>
      <c r="H80" s="3" t="s">
        <v>88</v>
      </c>
      <c r="I80" s="3" t="s">
        <v>497</v>
      </c>
      <c r="J80" s="3" t="s">
        <v>1164</v>
      </c>
      <c r="K80" s="3" t="s">
        <v>32</v>
      </c>
      <c r="L80" s="3" t="s">
        <v>33</v>
      </c>
      <c r="M80" s="3" t="s">
        <v>34</v>
      </c>
      <c r="N80" s="3" t="s">
        <v>234</v>
      </c>
      <c r="O80" s="3" t="s">
        <v>105</v>
      </c>
      <c r="P80" s="3" t="s">
        <v>37</v>
      </c>
      <c r="Q80" s="3" t="s">
        <v>37</v>
      </c>
      <c r="R80" s="3" t="s">
        <v>39</v>
      </c>
      <c r="S80" s="3" t="s">
        <v>1165</v>
      </c>
      <c r="T80" s="3" t="s">
        <v>37</v>
      </c>
      <c r="U80" s="3" t="s">
        <v>37</v>
      </c>
      <c r="V80" s="3" t="s">
        <v>37</v>
      </c>
    </row>
    <row r="81" spans="1:22" ht="14.45" customHeight="1" x14ac:dyDescent="0.25">
      <c r="A81" s="3" t="s">
        <v>904</v>
      </c>
      <c r="B81" s="4" t="s">
        <v>250</v>
      </c>
      <c r="C81" s="3" t="s">
        <v>251</v>
      </c>
      <c r="D81" s="5" t="s">
        <v>380</v>
      </c>
      <c r="E81" s="3" t="s">
        <v>916</v>
      </c>
      <c r="F81" s="3" t="s">
        <v>1166</v>
      </c>
      <c r="G81" s="3" t="s">
        <v>28</v>
      </c>
      <c r="H81" s="3" t="s">
        <v>29</v>
      </c>
      <c r="I81" s="3" t="s">
        <v>918</v>
      </c>
      <c r="J81" s="3" t="s">
        <v>1167</v>
      </c>
      <c r="K81" s="3" t="s">
        <v>32</v>
      </c>
      <c r="L81" s="3" t="s">
        <v>33</v>
      </c>
      <c r="M81" s="3" t="s">
        <v>34</v>
      </c>
      <c r="N81" s="3" t="s">
        <v>75</v>
      </c>
      <c r="O81" s="3" t="s">
        <v>53</v>
      </c>
      <c r="P81" s="3" t="s">
        <v>37</v>
      </c>
      <c r="Q81" s="3" t="s">
        <v>37</v>
      </c>
      <c r="R81" s="3" t="s">
        <v>39</v>
      </c>
      <c r="S81" s="3" t="s">
        <v>1168</v>
      </c>
      <c r="T81" s="3" t="s">
        <v>37</v>
      </c>
      <c r="U81" s="3" t="s">
        <v>37</v>
      </c>
      <c r="V81" s="3" t="s">
        <v>37</v>
      </c>
    </row>
    <row r="82" spans="1:22" ht="14.45" customHeight="1" x14ac:dyDescent="0.25">
      <c r="A82" s="3" t="s">
        <v>904</v>
      </c>
      <c r="B82" s="4" t="s">
        <v>250</v>
      </c>
      <c r="C82" s="3" t="s">
        <v>251</v>
      </c>
      <c r="D82" s="5" t="s">
        <v>229</v>
      </c>
      <c r="E82" s="3" t="s">
        <v>916</v>
      </c>
      <c r="F82" s="3" t="s">
        <v>1169</v>
      </c>
      <c r="G82" s="3" t="s">
        <v>43</v>
      </c>
      <c r="H82" s="3" t="s">
        <v>29</v>
      </c>
      <c r="I82" s="3" t="s">
        <v>918</v>
      </c>
      <c r="J82" s="3" t="s">
        <v>1170</v>
      </c>
      <c r="K82" s="3" t="s">
        <v>32</v>
      </c>
      <c r="L82" s="3" t="s">
        <v>33</v>
      </c>
      <c r="M82" s="3" t="s">
        <v>34</v>
      </c>
      <c r="N82" s="3" t="s">
        <v>75</v>
      </c>
      <c r="O82" s="3" t="s">
        <v>53</v>
      </c>
      <c r="P82" s="3" t="s">
        <v>37</v>
      </c>
      <c r="Q82" s="3" t="s">
        <v>37</v>
      </c>
      <c r="R82" s="3" t="s">
        <v>39</v>
      </c>
      <c r="S82" s="3" t="s">
        <v>1171</v>
      </c>
      <c r="T82" s="3" t="s">
        <v>37</v>
      </c>
      <c r="U82" s="3" t="s">
        <v>37</v>
      </c>
      <c r="V82" s="3" t="s">
        <v>37</v>
      </c>
    </row>
    <row r="83" spans="1:22" ht="14.45" customHeight="1" x14ac:dyDescent="0.25">
      <c r="A83" s="3" t="s">
        <v>904</v>
      </c>
      <c r="B83" s="4" t="s">
        <v>250</v>
      </c>
      <c r="C83" s="3" t="s">
        <v>251</v>
      </c>
      <c r="D83" s="5" t="s">
        <v>1053</v>
      </c>
      <c r="E83" s="3" t="s">
        <v>916</v>
      </c>
      <c r="F83" s="3" t="s">
        <v>1172</v>
      </c>
      <c r="G83" s="3" t="s">
        <v>395</v>
      </c>
      <c r="H83" s="3" t="s">
        <v>29</v>
      </c>
      <c r="I83" s="3" t="s">
        <v>918</v>
      </c>
      <c r="J83" s="3" t="s">
        <v>1173</v>
      </c>
      <c r="K83" s="3" t="s">
        <v>32</v>
      </c>
      <c r="L83" s="3" t="s">
        <v>33</v>
      </c>
      <c r="M83" s="3" t="s">
        <v>34</v>
      </c>
      <c r="N83" s="3" t="s">
        <v>75</v>
      </c>
      <c r="O83" s="3" t="s">
        <v>53</v>
      </c>
      <c r="P83" s="3" t="s">
        <v>37</v>
      </c>
      <c r="Q83" s="3" t="s">
        <v>37</v>
      </c>
      <c r="R83" s="3" t="s">
        <v>39</v>
      </c>
      <c r="S83" s="3" t="s">
        <v>1174</v>
      </c>
      <c r="T83" s="3" t="s">
        <v>37</v>
      </c>
      <c r="U83" s="3" t="s">
        <v>37</v>
      </c>
      <c r="V83" s="3" t="s">
        <v>37</v>
      </c>
    </row>
    <row r="84" spans="1:22" ht="14.45" customHeight="1" x14ac:dyDescent="0.25">
      <c r="A84" s="3" t="s">
        <v>904</v>
      </c>
      <c r="B84" s="4" t="s">
        <v>250</v>
      </c>
      <c r="C84" s="3" t="s">
        <v>251</v>
      </c>
      <c r="D84" s="5" t="s">
        <v>240</v>
      </c>
      <c r="E84" s="3" t="s">
        <v>916</v>
      </c>
      <c r="F84" s="3" t="s">
        <v>1175</v>
      </c>
      <c r="G84" s="3" t="s">
        <v>935</v>
      </c>
      <c r="H84" s="3" t="s">
        <v>29</v>
      </c>
      <c r="I84" s="3" t="s">
        <v>918</v>
      </c>
      <c r="J84" s="3" t="s">
        <v>1176</v>
      </c>
      <c r="K84" s="3" t="s">
        <v>32</v>
      </c>
      <c r="L84" s="3" t="s">
        <v>33</v>
      </c>
      <c r="M84" s="3" t="s">
        <v>34</v>
      </c>
      <c r="N84" s="3" t="s">
        <v>75</v>
      </c>
      <c r="O84" s="3" t="s">
        <v>53</v>
      </c>
      <c r="P84" s="3" t="s">
        <v>37</v>
      </c>
      <c r="Q84" s="3" t="s">
        <v>37</v>
      </c>
      <c r="R84" s="3" t="s">
        <v>39</v>
      </c>
      <c r="S84" s="3" t="s">
        <v>1177</v>
      </c>
      <c r="T84" s="3" t="s">
        <v>37</v>
      </c>
      <c r="U84" s="3" t="s">
        <v>37</v>
      </c>
      <c r="V84" s="3" t="s">
        <v>37</v>
      </c>
    </row>
    <row r="85" spans="1:22" ht="14.45" customHeight="1" x14ac:dyDescent="0.25">
      <c r="A85" s="3" t="s">
        <v>904</v>
      </c>
      <c r="B85" s="4" t="s">
        <v>250</v>
      </c>
      <c r="C85" s="3" t="s">
        <v>251</v>
      </c>
      <c r="D85" s="5" t="s">
        <v>1060</v>
      </c>
      <c r="E85" s="3" t="s">
        <v>495</v>
      </c>
      <c r="F85" s="3" t="s">
        <v>1178</v>
      </c>
      <c r="G85" s="3" t="s">
        <v>482</v>
      </c>
      <c r="H85" s="3" t="s">
        <v>133</v>
      </c>
      <c r="I85" s="3" t="s">
        <v>497</v>
      </c>
      <c r="J85" s="3" t="s">
        <v>1179</v>
      </c>
      <c r="K85" s="3" t="s">
        <v>32</v>
      </c>
      <c r="L85" s="3" t="s">
        <v>33</v>
      </c>
      <c r="M85" s="3" t="s">
        <v>34</v>
      </c>
      <c r="N85" s="3" t="s">
        <v>153</v>
      </c>
      <c r="O85" s="3" t="s">
        <v>105</v>
      </c>
      <c r="P85" s="3" t="s">
        <v>37</v>
      </c>
      <c r="Q85" s="3" t="s">
        <v>37</v>
      </c>
      <c r="R85" s="3" t="s">
        <v>39</v>
      </c>
      <c r="S85" s="3" t="s">
        <v>1180</v>
      </c>
      <c r="T85" s="3" t="s">
        <v>37</v>
      </c>
      <c r="U85" s="3" t="s">
        <v>37</v>
      </c>
      <c r="V85" s="3" t="s">
        <v>37</v>
      </c>
    </row>
    <row r="86" spans="1:22" ht="14.45" customHeight="1" x14ac:dyDescent="0.25">
      <c r="A86" s="3"/>
      <c r="B86" s="4"/>
      <c r="C86" s="3"/>
      <c r="D86" s="5"/>
      <c r="E86" s="6" t="s">
        <v>1064</v>
      </c>
      <c r="F86" s="3"/>
      <c r="G86" s="3"/>
      <c r="H86" s="3"/>
      <c r="I86" s="3"/>
      <c r="J86" s="3"/>
      <c r="K86" s="3"/>
      <c r="L86" s="3"/>
      <c r="M86" s="3"/>
      <c r="N86" s="3"/>
      <c r="O86" s="3"/>
      <c r="P86" s="3"/>
      <c r="Q86" s="3"/>
      <c r="R86" s="3"/>
      <c r="S86" s="3"/>
      <c r="T86" s="3"/>
      <c r="U86" s="3"/>
      <c r="V86" s="3"/>
    </row>
    <row r="87" spans="1:22" ht="14.45" customHeight="1" x14ac:dyDescent="0.25">
      <c r="A87" s="3"/>
      <c r="B87" s="4"/>
      <c r="C87" s="3"/>
      <c r="D87" s="5"/>
      <c r="E87" s="3"/>
      <c r="F87" s="3"/>
      <c r="G87" s="3"/>
      <c r="H87" s="3"/>
      <c r="I87" s="3"/>
      <c r="J87" s="3"/>
      <c r="K87" s="3"/>
      <c r="L87" s="3"/>
      <c r="M87" s="3"/>
      <c r="N87" s="3"/>
      <c r="O87" s="3"/>
      <c r="P87" s="3"/>
      <c r="Q87" s="3"/>
      <c r="R87" s="3"/>
      <c r="S87" s="3"/>
      <c r="T87" s="3"/>
      <c r="U87" s="3"/>
      <c r="V87" s="3"/>
    </row>
    <row r="88" spans="1:22" ht="14.45" customHeight="1" x14ac:dyDescent="0.25">
      <c r="A88" s="3" t="s">
        <v>904</v>
      </c>
      <c r="B88" s="4" t="s">
        <v>398</v>
      </c>
      <c r="C88" s="3" t="s">
        <v>399</v>
      </c>
      <c r="D88" s="5" t="s">
        <v>25</v>
      </c>
      <c r="E88" s="3" t="s">
        <v>905</v>
      </c>
      <c r="F88" s="3" t="s">
        <v>1181</v>
      </c>
      <c r="G88" s="3" t="s">
        <v>692</v>
      </c>
      <c r="H88" s="3" t="s">
        <v>88</v>
      </c>
      <c r="I88" s="3" t="s">
        <v>907</v>
      </c>
      <c r="J88" s="3" t="s">
        <v>1182</v>
      </c>
      <c r="K88" s="3" t="s">
        <v>32</v>
      </c>
      <c r="L88" s="3" t="s">
        <v>33</v>
      </c>
      <c r="M88" s="3" t="s">
        <v>74</v>
      </c>
      <c r="N88" s="3" t="s">
        <v>909</v>
      </c>
      <c r="O88" s="3" t="s">
        <v>105</v>
      </c>
      <c r="P88" s="3" t="s">
        <v>37</v>
      </c>
      <c r="Q88" s="3" t="s">
        <v>37</v>
      </c>
      <c r="R88" s="3" t="s">
        <v>39</v>
      </c>
      <c r="S88" s="3" t="s">
        <v>1183</v>
      </c>
      <c r="T88" s="3" t="s">
        <v>37</v>
      </c>
      <c r="U88" s="3" t="s">
        <v>37</v>
      </c>
      <c r="V88" s="3" t="s">
        <v>37</v>
      </c>
    </row>
    <row r="89" spans="1:22" ht="14.45" customHeight="1" x14ac:dyDescent="0.25">
      <c r="A89" s="3" t="s">
        <v>904</v>
      </c>
      <c r="B89" s="4" t="s">
        <v>398</v>
      </c>
      <c r="C89" s="3" t="s">
        <v>399</v>
      </c>
      <c r="D89" s="5" t="s">
        <v>911</v>
      </c>
      <c r="E89" s="3" t="s">
        <v>905</v>
      </c>
      <c r="F89" s="3" t="s">
        <v>1184</v>
      </c>
      <c r="G89" s="3" t="s">
        <v>767</v>
      </c>
      <c r="H89" s="3" t="s">
        <v>88</v>
      </c>
      <c r="I89" s="3" t="s">
        <v>907</v>
      </c>
      <c r="J89" s="3" t="s">
        <v>1185</v>
      </c>
      <c r="K89" s="3" t="s">
        <v>32</v>
      </c>
      <c r="L89" s="3" t="s">
        <v>33</v>
      </c>
      <c r="M89" s="3" t="s">
        <v>74</v>
      </c>
      <c r="N89" s="3" t="s">
        <v>909</v>
      </c>
      <c r="O89" s="3" t="s">
        <v>105</v>
      </c>
      <c r="P89" s="3" t="s">
        <v>37</v>
      </c>
      <c r="Q89" s="3" t="s">
        <v>37</v>
      </c>
      <c r="R89" s="3" t="s">
        <v>39</v>
      </c>
      <c r="S89" s="3" t="s">
        <v>1186</v>
      </c>
      <c r="T89" s="3" t="s">
        <v>37</v>
      </c>
      <c r="U89" s="3" t="s">
        <v>37</v>
      </c>
      <c r="V89" s="3" t="s">
        <v>37</v>
      </c>
    </row>
    <row r="90" spans="1:22" ht="14.45" customHeight="1" x14ac:dyDescent="0.25">
      <c r="A90" s="3" t="s">
        <v>904</v>
      </c>
      <c r="B90" s="4" t="s">
        <v>398</v>
      </c>
      <c r="C90" s="3" t="s">
        <v>399</v>
      </c>
      <c r="D90" s="5" t="s">
        <v>46</v>
      </c>
      <c r="E90" s="3" t="s">
        <v>927</v>
      </c>
      <c r="F90" s="3" t="s">
        <v>1139</v>
      </c>
      <c r="G90" s="3" t="s">
        <v>478</v>
      </c>
      <c r="H90" s="3" t="s">
        <v>29</v>
      </c>
      <c r="I90" s="3" t="s">
        <v>936</v>
      </c>
      <c r="J90" s="7" t="s">
        <v>930</v>
      </c>
      <c r="K90" s="3" t="s">
        <v>32</v>
      </c>
      <c r="L90" s="3" t="s">
        <v>33</v>
      </c>
      <c r="M90" s="3" t="s">
        <v>931</v>
      </c>
      <c r="N90" s="3" t="s">
        <v>234</v>
      </c>
      <c r="O90" s="3" t="s">
        <v>154</v>
      </c>
      <c r="P90" s="3" t="s">
        <v>37</v>
      </c>
      <c r="Q90" s="3" t="s">
        <v>37</v>
      </c>
      <c r="R90" s="3" t="s">
        <v>39</v>
      </c>
      <c r="S90" s="3" t="s">
        <v>1140</v>
      </c>
      <c r="T90" s="3" t="s">
        <v>37</v>
      </c>
      <c r="U90" s="3" t="s">
        <v>37</v>
      </c>
      <c r="V90" s="3" t="s">
        <v>37</v>
      </c>
    </row>
    <row r="91" spans="1:22" ht="14.45" customHeight="1" x14ac:dyDescent="0.25">
      <c r="A91" s="3" t="s">
        <v>904</v>
      </c>
      <c r="B91" s="4" t="s">
        <v>398</v>
      </c>
      <c r="C91" s="3" t="s">
        <v>399</v>
      </c>
      <c r="D91" s="5" t="s">
        <v>1187</v>
      </c>
      <c r="E91" s="3" t="s">
        <v>927</v>
      </c>
      <c r="F91" s="3" t="s">
        <v>1143</v>
      </c>
      <c r="G91" s="3" t="s">
        <v>781</v>
      </c>
      <c r="H91" s="3" t="s">
        <v>29</v>
      </c>
      <c r="I91" s="3" t="s">
        <v>929</v>
      </c>
      <c r="J91" s="3" t="s">
        <v>1144</v>
      </c>
      <c r="K91" s="3" t="s">
        <v>32</v>
      </c>
      <c r="L91" s="3" t="s">
        <v>33</v>
      </c>
      <c r="M91" s="3" t="s">
        <v>931</v>
      </c>
      <c r="N91" s="3" t="s">
        <v>234</v>
      </c>
      <c r="O91" s="3" t="s">
        <v>154</v>
      </c>
      <c r="P91" s="3" t="s">
        <v>37</v>
      </c>
      <c r="Q91" s="3" t="s">
        <v>37</v>
      </c>
      <c r="R91" s="3" t="s">
        <v>39</v>
      </c>
      <c r="S91" s="3" t="s">
        <v>1145</v>
      </c>
      <c r="T91" s="3" t="s">
        <v>37</v>
      </c>
      <c r="U91" s="3" t="s">
        <v>37</v>
      </c>
      <c r="V91" s="3" t="s">
        <v>37</v>
      </c>
    </row>
    <row r="92" spans="1:22" ht="14.45" customHeight="1" x14ac:dyDescent="0.25">
      <c r="A92" s="3" t="s">
        <v>904</v>
      </c>
      <c r="B92" s="4" t="s">
        <v>398</v>
      </c>
      <c r="C92" s="3" t="s">
        <v>399</v>
      </c>
      <c r="D92" s="5" t="s">
        <v>1188</v>
      </c>
      <c r="E92" s="3" t="s">
        <v>927</v>
      </c>
      <c r="F92" s="3" t="s">
        <v>1189</v>
      </c>
      <c r="G92" s="3" t="s">
        <v>807</v>
      </c>
      <c r="H92" s="3" t="s">
        <v>29</v>
      </c>
      <c r="I92" s="3" t="s">
        <v>929</v>
      </c>
      <c r="J92" s="7" t="s">
        <v>930</v>
      </c>
      <c r="K92" s="3" t="s">
        <v>32</v>
      </c>
      <c r="L92" s="3" t="s">
        <v>33</v>
      </c>
      <c r="M92" s="3" t="s">
        <v>931</v>
      </c>
      <c r="N92" s="3" t="s">
        <v>234</v>
      </c>
      <c r="O92" s="3" t="s">
        <v>154</v>
      </c>
      <c r="P92" s="3" t="s">
        <v>37</v>
      </c>
      <c r="Q92" s="3" t="s">
        <v>37</v>
      </c>
      <c r="R92" s="3" t="s">
        <v>39</v>
      </c>
      <c r="S92" s="3" t="s">
        <v>1190</v>
      </c>
      <c r="T92" s="3" t="s">
        <v>37</v>
      </c>
      <c r="U92" s="3" t="s">
        <v>37</v>
      </c>
      <c r="V92" s="3" t="s">
        <v>37</v>
      </c>
    </row>
    <row r="93" spans="1:22" ht="14.45" customHeight="1" x14ac:dyDescent="0.25">
      <c r="A93" s="3" t="s">
        <v>904</v>
      </c>
      <c r="B93" s="4" t="s">
        <v>398</v>
      </c>
      <c r="C93" s="3" t="s">
        <v>399</v>
      </c>
      <c r="D93" s="5" t="s">
        <v>921</v>
      </c>
      <c r="E93" s="3" t="s">
        <v>927</v>
      </c>
      <c r="F93" s="3" t="s">
        <v>928</v>
      </c>
      <c r="G93" s="3" t="s">
        <v>294</v>
      </c>
      <c r="H93" s="3" t="s">
        <v>29</v>
      </c>
      <c r="I93" s="3" t="s">
        <v>929</v>
      </c>
      <c r="J93" s="7" t="s">
        <v>930</v>
      </c>
      <c r="K93" s="3" t="s">
        <v>32</v>
      </c>
      <c r="L93" s="3" t="s">
        <v>33</v>
      </c>
      <c r="M93" s="3" t="s">
        <v>931</v>
      </c>
      <c r="N93" s="3" t="s">
        <v>234</v>
      </c>
      <c r="O93" s="3" t="s">
        <v>154</v>
      </c>
      <c r="P93" s="3" t="s">
        <v>37</v>
      </c>
      <c r="Q93" s="3" t="s">
        <v>37</v>
      </c>
      <c r="R93" s="3" t="s">
        <v>39</v>
      </c>
      <c r="S93" s="3" t="s">
        <v>932</v>
      </c>
      <c r="T93" s="3" t="s">
        <v>37</v>
      </c>
      <c r="U93" s="3" t="s">
        <v>37</v>
      </c>
      <c r="V93" s="3" t="s">
        <v>37</v>
      </c>
    </row>
    <row r="94" spans="1:22" ht="14.45" customHeight="1" x14ac:dyDescent="0.25">
      <c r="A94" s="3" t="s">
        <v>904</v>
      </c>
      <c r="B94" s="4" t="s">
        <v>398</v>
      </c>
      <c r="C94" s="3" t="s">
        <v>399</v>
      </c>
      <c r="D94" s="5" t="s">
        <v>642</v>
      </c>
      <c r="E94" s="3" t="s">
        <v>927</v>
      </c>
      <c r="F94" s="3" t="s">
        <v>1191</v>
      </c>
      <c r="G94" s="3" t="s">
        <v>313</v>
      </c>
      <c r="H94" s="3" t="s">
        <v>29</v>
      </c>
      <c r="I94" s="3" t="s">
        <v>929</v>
      </c>
      <c r="J94" s="7" t="s">
        <v>930</v>
      </c>
      <c r="K94" s="3" t="s">
        <v>32</v>
      </c>
      <c r="L94" s="3" t="s">
        <v>33</v>
      </c>
      <c r="M94" s="3" t="s">
        <v>931</v>
      </c>
      <c r="N94" s="3" t="s">
        <v>234</v>
      </c>
      <c r="O94" s="3" t="s">
        <v>154</v>
      </c>
      <c r="P94" s="3" t="s">
        <v>37</v>
      </c>
      <c r="Q94" s="3" t="s">
        <v>37</v>
      </c>
      <c r="R94" s="3" t="s">
        <v>39</v>
      </c>
      <c r="S94" s="3" t="s">
        <v>1192</v>
      </c>
      <c r="T94" s="3" t="s">
        <v>37</v>
      </c>
      <c r="U94" s="3" t="s">
        <v>37</v>
      </c>
      <c r="V94" s="3" t="s">
        <v>37</v>
      </c>
    </row>
    <row r="95" spans="1:22" ht="14.45" customHeight="1" x14ac:dyDescent="0.25">
      <c r="A95" s="3" t="s">
        <v>904</v>
      </c>
      <c r="B95" s="4" t="s">
        <v>398</v>
      </c>
      <c r="C95" s="3" t="s">
        <v>399</v>
      </c>
      <c r="D95" s="5" t="s">
        <v>61</v>
      </c>
      <c r="E95" s="3" t="s">
        <v>927</v>
      </c>
      <c r="F95" s="3" t="s">
        <v>1193</v>
      </c>
      <c r="G95" s="3" t="s">
        <v>207</v>
      </c>
      <c r="H95" s="3" t="s">
        <v>29</v>
      </c>
      <c r="I95" s="3" t="s">
        <v>936</v>
      </c>
      <c r="J95" s="3" t="s">
        <v>1194</v>
      </c>
      <c r="K95" s="3" t="s">
        <v>32</v>
      </c>
      <c r="L95" s="3" t="s">
        <v>33</v>
      </c>
      <c r="M95" s="3" t="s">
        <v>931</v>
      </c>
      <c r="N95" s="3" t="s">
        <v>234</v>
      </c>
      <c r="O95" s="3" t="s">
        <v>154</v>
      </c>
      <c r="P95" s="3" t="s">
        <v>37</v>
      </c>
      <c r="Q95" s="3" t="s">
        <v>37</v>
      </c>
      <c r="R95" s="3" t="s">
        <v>39</v>
      </c>
      <c r="S95" s="3" t="s">
        <v>1195</v>
      </c>
      <c r="T95" s="3" t="s">
        <v>37</v>
      </c>
      <c r="U95" s="3" t="s">
        <v>37</v>
      </c>
      <c r="V95" s="3" t="s">
        <v>37</v>
      </c>
    </row>
    <row r="96" spans="1:22" ht="14.45" customHeight="1" x14ac:dyDescent="0.25">
      <c r="A96" s="3" t="s">
        <v>904</v>
      </c>
      <c r="B96" s="4" t="s">
        <v>398</v>
      </c>
      <c r="C96" s="3" t="s">
        <v>399</v>
      </c>
      <c r="D96" s="5" t="s">
        <v>926</v>
      </c>
      <c r="E96" s="3" t="s">
        <v>495</v>
      </c>
      <c r="F96" s="3" t="s">
        <v>1196</v>
      </c>
      <c r="G96" s="3" t="s">
        <v>435</v>
      </c>
      <c r="H96" s="3" t="s">
        <v>88</v>
      </c>
      <c r="I96" s="3" t="s">
        <v>497</v>
      </c>
      <c r="J96" s="3" t="s">
        <v>1197</v>
      </c>
      <c r="K96" s="3" t="s">
        <v>32</v>
      </c>
      <c r="L96" s="3" t="s">
        <v>33</v>
      </c>
      <c r="M96" s="3" t="s">
        <v>34</v>
      </c>
      <c r="N96" s="3" t="s">
        <v>234</v>
      </c>
      <c r="O96" s="3" t="s">
        <v>105</v>
      </c>
      <c r="P96" s="3" t="s">
        <v>37</v>
      </c>
      <c r="Q96" s="3" t="s">
        <v>37</v>
      </c>
      <c r="R96" s="3" t="s">
        <v>39</v>
      </c>
      <c r="S96" s="3" t="s">
        <v>1198</v>
      </c>
      <c r="T96" s="3" t="s">
        <v>37</v>
      </c>
      <c r="U96" s="3" t="s">
        <v>37</v>
      </c>
      <c r="V96" s="3" t="s">
        <v>37</v>
      </c>
    </row>
    <row r="97" spans="1:22" ht="14.45" customHeight="1" x14ac:dyDescent="0.25">
      <c r="A97" s="3" t="s">
        <v>904</v>
      </c>
      <c r="B97" s="4" t="s">
        <v>398</v>
      </c>
      <c r="C97" s="3" t="s">
        <v>399</v>
      </c>
      <c r="D97" s="5" t="s">
        <v>942</v>
      </c>
      <c r="E97" s="3" t="s">
        <v>922</v>
      </c>
      <c r="F97" s="3" t="s">
        <v>1199</v>
      </c>
      <c r="G97" s="3" t="s">
        <v>58</v>
      </c>
      <c r="H97" s="3" t="s">
        <v>29</v>
      </c>
      <c r="I97" s="3" t="s">
        <v>37</v>
      </c>
      <c r="J97" s="3" t="s">
        <v>1200</v>
      </c>
      <c r="K97" s="3" t="s">
        <v>32</v>
      </c>
      <c r="L97" s="3" t="s">
        <v>33</v>
      </c>
      <c r="M97" s="3" t="s">
        <v>74</v>
      </c>
      <c r="N97" s="3" t="s">
        <v>75</v>
      </c>
      <c r="O97" s="3" t="s">
        <v>53</v>
      </c>
      <c r="P97" s="3" t="s">
        <v>37</v>
      </c>
      <c r="Q97" s="3" t="s">
        <v>37</v>
      </c>
      <c r="R97" s="3" t="s">
        <v>39</v>
      </c>
      <c r="S97" s="3" t="s">
        <v>1201</v>
      </c>
      <c r="T97" s="3" t="s">
        <v>37</v>
      </c>
      <c r="U97" s="3" t="s">
        <v>37</v>
      </c>
      <c r="V97" s="3" t="s">
        <v>37</v>
      </c>
    </row>
    <row r="98" spans="1:22" ht="14.45" customHeight="1" x14ac:dyDescent="0.25">
      <c r="A98" s="3" t="s">
        <v>904</v>
      </c>
      <c r="B98" s="4" t="s">
        <v>398</v>
      </c>
      <c r="C98" s="3" t="s">
        <v>399</v>
      </c>
      <c r="D98" s="5" t="s">
        <v>951</v>
      </c>
      <c r="E98" s="3" t="s">
        <v>922</v>
      </c>
      <c r="F98" s="3" t="s">
        <v>1202</v>
      </c>
      <c r="G98" s="3" t="s">
        <v>309</v>
      </c>
      <c r="H98" s="3" t="s">
        <v>29</v>
      </c>
      <c r="I98" s="3" t="s">
        <v>37</v>
      </c>
      <c r="J98" s="8" t="s">
        <v>987</v>
      </c>
      <c r="K98" s="3" t="s">
        <v>32</v>
      </c>
      <c r="L98" s="3" t="s">
        <v>33</v>
      </c>
      <c r="M98" s="3" t="s">
        <v>74</v>
      </c>
      <c r="N98" s="3" t="s">
        <v>75</v>
      </c>
      <c r="O98" s="3" t="s">
        <v>37</v>
      </c>
      <c r="P98" s="3" t="s">
        <v>37</v>
      </c>
      <c r="Q98" s="3" t="s">
        <v>37</v>
      </c>
      <c r="R98" s="3" t="s">
        <v>39</v>
      </c>
      <c r="S98" s="3" t="s">
        <v>1203</v>
      </c>
      <c r="T98" s="3"/>
      <c r="U98" s="3" t="s">
        <v>37</v>
      </c>
      <c r="V98" s="3" t="s">
        <v>37</v>
      </c>
    </row>
    <row r="99" spans="1:22" ht="14.45" customHeight="1" x14ac:dyDescent="0.25">
      <c r="A99" s="3" t="s">
        <v>904</v>
      </c>
      <c r="B99" s="4" t="s">
        <v>398</v>
      </c>
      <c r="C99" s="3" t="s">
        <v>399</v>
      </c>
      <c r="D99" s="5" t="s">
        <v>956</v>
      </c>
      <c r="E99" s="3" t="s">
        <v>922</v>
      </c>
      <c r="F99" s="3" t="s">
        <v>1204</v>
      </c>
      <c r="G99" s="3" t="s">
        <v>43</v>
      </c>
      <c r="H99" s="3" t="s">
        <v>29</v>
      </c>
      <c r="I99" s="3" t="s">
        <v>37</v>
      </c>
      <c r="J99" s="8" t="s">
        <v>987</v>
      </c>
      <c r="K99" s="3" t="s">
        <v>32</v>
      </c>
      <c r="L99" s="3" t="s">
        <v>33</v>
      </c>
      <c r="M99" s="3" t="s">
        <v>74</v>
      </c>
      <c r="N99" s="3" t="s">
        <v>75</v>
      </c>
      <c r="O99" s="3" t="s">
        <v>53</v>
      </c>
      <c r="P99" s="3" t="s">
        <v>37</v>
      </c>
      <c r="Q99" s="3" t="s">
        <v>37</v>
      </c>
      <c r="R99" s="3" t="s">
        <v>39</v>
      </c>
      <c r="S99" s="3" t="s">
        <v>1205</v>
      </c>
      <c r="T99" s="3" t="s">
        <v>37</v>
      </c>
      <c r="U99" s="3" t="s">
        <v>37</v>
      </c>
      <c r="V99" s="3" t="s">
        <v>37</v>
      </c>
    </row>
    <row r="100" spans="1:22" ht="14.45" customHeight="1" x14ac:dyDescent="0.25">
      <c r="A100" s="3" t="s">
        <v>904</v>
      </c>
      <c r="B100" s="4" t="s">
        <v>398</v>
      </c>
      <c r="C100" s="3" t="s">
        <v>399</v>
      </c>
      <c r="D100" s="5" t="s">
        <v>960</v>
      </c>
      <c r="E100" s="3" t="s">
        <v>1206</v>
      </c>
      <c r="F100" s="3" t="s">
        <v>1207</v>
      </c>
      <c r="G100" s="3" t="s">
        <v>232</v>
      </c>
      <c r="H100" s="3" t="s">
        <v>29</v>
      </c>
      <c r="I100" s="3" t="s">
        <v>1208</v>
      </c>
      <c r="J100" s="3" t="s">
        <v>1209</v>
      </c>
      <c r="K100" s="3" t="s">
        <v>32</v>
      </c>
      <c r="L100" s="3" t="s">
        <v>33</v>
      </c>
      <c r="M100" s="3" t="s">
        <v>74</v>
      </c>
      <c r="N100" s="3" t="s">
        <v>296</v>
      </c>
      <c r="O100" s="3" t="s">
        <v>53</v>
      </c>
      <c r="P100" s="3" t="s">
        <v>54</v>
      </c>
      <c r="Q100" s="3" t="s">
        <v>37</v>
      </c>
      <c r="R100" s="3" t="s">
        <v>39</v>
      </c>
      <c r="S100" s="3" t="s">
        <v>1210</v>
      </c>
      <c r="T100" s="3" t="s">
        <v>37</v>
      </c>
      <c r="U100" s="3" t="s">
        <v>37</v>
      </c>
      <c r="V100" s="3" t="s">
        <v>37</v>
      </c>
    </row>
    <row r="101" spans="1:22" ht="14.45" customHeight="1" x14ac:dyDescent="0.25">
      <c r="A101" s="3" t="s">
        <v>904</v>
      </c>
      <c r="B101" s="4" t="s">
        <v>398</v>
      </c>
      <c r="C101" s="3" t="s">
        <v>399</v>
      </c>
      <c r="D101" s="5" t="s">
        <v>965</v>
      </c>
      <c r="E101" s="3" t="s">
        <v>1211</v>
      </c>
      <c r="F101" s="3" t="s">
        <v>1212</v>
      </c>
      <c r="G101" s="3" t="s">
        <v>262</v>
      </c>
      <c r="H101" s="3" t="s">
        <v>29</v>
      </c>
      <c r="I101" s="3" t="s">
        <v>1213</v>
      </c>
      <c r="J101" s="3" t="s">
        <v>1214</v>
      </c>
      <c r="K101" s="3" t="s">
        <v>32</v>
      </c>
      <c r="L101" s="3" t="s">
        <v>33</v>
      </c>
      <c r="M101" s="3" t="s">
        <v>74</v>
      </c>
      <c r="N101" s="3" t="s">
        <v>153</v>
      </c>
      <c r="O101" s="3" t="s">
        <v>105</v>
      </c>
      <c r="P101" s="3" t="s">
        <v>37</v>
      </c>
      <c r="Q101" s="3" t="s">
        <v>37</v>
      </c>
      <c r="R101" s="3" t="s">
        <v>39</v>
      </c>
      <c r="S101" s="3" t="s">
        <v>1215</v>
      </c>
      <c r="T101" s="3" t="s">
        <v>37</v>
      </c>
      <c r="U101" s="3" t="s">
        <v>37</v>
      </c>
      <c r="V101" s="3" t="s">
        <v>37</v>
      </c>
    </row>
    <row r="102" spans="1:22" ht="14.45" customHeight="1" x14ac:dyDescent="0.25">
      <c r="A102" s="3" t="s">
        <v>904</v>
      </c>
      <c r="B102" s="4" t="s">
        <v>398</v>
      </c>
      <c r="C102" s="3" t="s">
        <v>399</v>
      </c>
      <c r="D102" s="5" t="s">
        <v>969</v>
      </c>
      <c r="E102" s="3" t="s">
        <v>1211</v>
      </c>
      <c r="F102" s="3" t="s">
        <v>1216</v>
      </c>
      <c r="G102" s="3" t="s">
        <v>359</v>
      </c>
      <c r="H102" s="3" t="s">
        <v>29</v>
      </c>
      <c r="I102" s="3" t="s">
        <v>1213</v>
      </c>
      <c r="J102" s="3" t="s">
        <v>1217</v>
      </c>
      <c r="K102" s="3" t="s">
        <v>32</v>
      </c>
      <c r="L102" s="3" t="s">
        <v>33</v>
      </c>
      <c r="M102" s="3" t="s">
        <v>74</v>
      </c>
      <c r="N102" s="3" t="s">
        <v>153</v>
      </c>
      <c r="O102" s="3" t="s">
        <v>105</v>
      </c>
      <c r="P102" s="3" t="s">
        <v>37</v>
      </c>
      <c r="Q102" s="3" t="s">
        <v>37</v>
      </c>
      <c r="R102" s="3" t="s">
        <v>39</v>
      </c>
      <c r="S102" s="3" t="s">
        <v>1218</v>
      </c>
      <c r="T102" s="3" t="s">
        <v>37</v>
      </c>
      <c r="U102" s="3" t="s">
        <v>37</v>
      </c>
      <c r="V102" s="3" t="s">
        <v>37</v>
      </c>
    </row>
    <row r="103" spans="1:22" ht="14.45" customHeight="1" x14ac:dyDescent="0.25">
      <c r="A103" s="3" t="s">
        <v>904</v>
      </c>
      <c r="B103" s="4" t="s">
        <v>398</v>
      </c>
      <c r="C103" s="3" t="s">
        <v>399</v>
      </c>
      <c r="D103" s="5" t="s">
        <v>1219</v>
      </c>
      <c r="E103" s="3" t="s">
        <v>495</v>
      </c>
      <c r="F103" s="3" t="s">
        <v>1220</v>
      </c>
      <c r="G103" s="3" t="s">
        <v>217</v>
      </c>
      <c r="H103" s="3" t="s">
        <v>29</v>
      </c>
      <c r="I103" s="3" t="s">
        <v>1066</v>
      </c>
      <c r="J103" s="3" t="s">
        <v>1221</v>
      </c>
      <c r="K103" s="3" t="s">
        <v>32</v>
      </c>
      <c r="L103" s="3" t="s">
        <v>1068</v>
      </c>
      <c r="M103" s="3" t="s">
        <v>34</v>
      </c>
      <c r="N103" s="3" t="s">
        <v>52</v>
      </c>
      <c r="O103" s="3" t="s">
        <v>105</v>
      </c>
      <c r="P103" s="3" t="s">
        <v>37</v>
      </c>
      <c r="Q103" s="3" t="s">
        <v>37</v>
      </c>
      <c r="R103" s="3" t="s">
        <v>39</v>
      </c>
      <c r="S103" s="3" t="s">
        <v>1222</v>
      </c>
      <c r="T103" s="3" t="s">
        <v>37</v>
      </c>
      <c r="U103" s="3" t="s">
        <v>37</v>
      </c>
      <c r="V103" s="3" t="s">
        <v>37</v>
      </c>
    </row>
    <row r="104" spans="1:22" ht="14.45" customHeight="1" x14ac:dyDescent="0.25">
      <c r="A104" s="3" t="s">
        <v>904</v>
      </c>
      <c r="B104" s="4" t="s">
        <v>398</v>
      </c>
      <c r="C104" s="3" t="s">
        <v>399</v>
      </c>
      <c r="D104" s="5" t="s">
        <v>975</v>
      </c>
      <c r="E104" s="3" t="s">
        <v>495</v>
      </c>
      <c r="F104" s="3" t="s">
        <v>1223</v>
      </c>
      <c r="G104" s="3" t="s">
        <v>254</v>
      </c>
      <c r="H104" s="3" t="s">
        <v>29</v>
      </c>
      <c r="I104" s="3" t="s">
        <v>1074</v>
      </c>
      <c r="J104" s="3" t="s">
        <v>1224</v>
      </c>
      <c r="K104" s="3" t="s">
        <v>32</v>
      </c>
      <c r="L104" s="3" t="s">
        <v>1068</v>
      </c>
      <c r="M104" s="3" t="s">
        <v>34</v>
      </c>
      <c r="N104" s="3" t="s">
        <v>52</v>
      </c>
      <c r="O104" s="3" t="s">
        <v>105</v>
      </c>
      <c r="P104" s="3" t="s">
        <v>37</v>
      </c>
      <c r="Q104" s="3" t="s">
        <v>37</v>
      </c>
      <c r="R104" s="3" t="s">
        <v>39</v>
      </c>
      <c r="S104" s="3" t="s">
        <v>1225</v>
      </c>
      <c r="T104" s="3" t="s">
        <v>37</v>
      </c>
      <c r="U104" s="3" t="s">
        <v>37</v>
      </c>
      <c r="V104" s="3" t="s">
        <v>37</v>
      </c>
    </row>
    <row r="105" spans="1:22" ht="14.45" customHeight="1" x14ac:dyDescent="0.25">
      <c r="A105" s="3" t="s">
        <v>904</v>
      </c>
      <c r="B105" s="4" t="s">
        <v>398</v>
      </c>
      <c r="C105" s="3" t="s">
        <v>399</v>
      </c>
      <c r="D105" s="5" t="s">
        <v>979</v>
      </c>
      <c r="E105" s="3" t="s">
        <v>495</v>
      </c>
      <c r="F105" s="3" t="s">
        <v>1041</v>
      </c>
      <c r="G105" s="3" t="s">
        <v>591</v>
      </c>
      <c r="H105" s="3" t="s">
        <v>133</v>
      </c>
      <c r="I105" s="3" t="s">
        <v>497</v>
      </c>
      <c r="J105" s="3" t="s">
        <v>1042</v>
      </c>
      <c r="K105" s="3" t="s">
        <v>32</v>
      </c>
      <c r="L105" s="3" t="s">
        <v>37</v>
      </c>
      <c r="M105" s="3" t="s">
        <v>34</v>
      </c>
      <c r="N105" s="3" t="s">
        <v>153</v>
      </c>
      <c r="O105" s="3" t="s">
        <v>105</v>
      </c>
      <c r="P105" s="3" t="s">
        <v>37</v>
      </c>
      <c r="Q105" s="3" t="s">
        <v>37</v>
      </c>
      <c r="R105" s="3" t="s">
        <v>39</v>
      </c>
      <c r="S105" s="3" t="s">
        <v>1043</v>
      </c>
      <c r="T105" s="3" t="s">
        <v>37</v>
      </c>
      <c r="U105" s="3" t="s">
        <v>37</v>
      </c>
      <c r="V105" s="3" t="s">
        <v>37</v>
      </c>
    </row>
    <row r="106" spans="1:22" ht="14.45" customHeight="1" x14ac:dyDescent="0.25">
      <c r="A106" s="3" t="s">
        <v>904</v>
      </c>
      <c r="B106" s="4" t="s">
        <v>398</v>
      </c>
      <c r="C106" s="3" t="s">
        <v>399</v>
      </c>
      <c r="D106" s="5" t="s">
        <v>120</v>
      </c>
      <c r="E106" s="3" t="s">
        <v>1226</v>
      </c>
      <c r="F106" s="3" t="s">
        <v>1227</v>
      </c>
      <c r="G106" s="3" t="s">
        <v>254</v>
      </c>
      <c r="H106" s="3" t="s">
        <v>29</v>
      </c>
      <c r="I106" s="3" t="s">
        <v>1228</v>
      </c>
      <c r="J106" s="3" t="s">
        <v>1229</v>
      </c>
      <c r="K106" s="3" t="s">
        <v>32</v>
      </c>
      <c r="L106" s="3" t="s">
        <v>33</v>
      </c>
      <c r="M106" s="3" t="s">
        <v>74</v>
      </c>
      <c r="N106" s="3" t="s">
        <v>75</v>
      </c>
      <c r="O106" s="3" t="s">
        <v>36</v>
      </c>
      <c r="P106" s="3" t="s">
        <v>37</v>
      </c>
      <c r="Q106" s="3" t="s">
        <v>37</v>
      </c>
      <c r="R106" s="3" t="s">
        <v>39</v>
      </c>
      <c r="S106" s="3" t="s">
        <v>1230</v>
      </c>
      <c r="T106" s="3" t="s">
        <v>37</v>
      </c>
      <c r="U106" s="3" t="s">
        <v>37</v>
      </c>
      <c r="V106" s="3" t="s">
        <v>37</v>
      </c>
    </row>
    <row r="107" spans="1:22" ht="14.45" customHeight="1" x14ac:dyDescent="0.25">
      <c r="A107" s="3" t="s">
        <v>904</v>
      </c>
      <c r="B107" s="4" t="s">
        <v>398</v>
      </c>
      <c r="C107" s="3" t="s">
        <v>399</v>
      </c>
      <c r="D107" s="5" t="s">
        <v>466</v>
      </c>
      <c r="E107" s="3" t="s">
        <v>1226</v>
      </c>
      <c r="F107" s="3" t="s">
        <v>1231</v>
      </c>
      <c r="G107" s="3" t="s">
        <v>359</v>
      </c>
      <c r="H107" s="3" t="s">
        <v>29</v>
      </c>
      <c r="I107" s="3" t="s">
        <v>1228</v>
      </c>
      <c r="J107" s="3" t="s">
        <v>1232</v>
      </c>
      <c r="K107" s="3" t="s">
        <v>32</v>
      </c>
      <c r="L107" s="3" t="s">
        <v>33</v>
      </c>
      <c r="M107" s="3" t="s">
        <v>74</v>
      </c>
      <c r="N107" s="3" t="s">
        <v>75</v>
      </c>
      <c r="O107" s="3" t="s">
        <v>36</v>
      </c>
      <c r="P107" s="3" t="s">
        <v>37</v>
      </c>
      <c r="Q107" s="3" t="s">
        <v>37</v>
      </c>
      <c r="R107" s="3" t="s">
        <v>39</v>
      </c>
      <c r="S107" s="3" t="s">
        <v>1233</v>
      </c>
      <c r="T107" s="3" t="s">
        <v>37</v>
      </c>
      <c r="U107" s="3" t="s">
        <v>37</v>
      </c>
      <c r="V107" s="3" t="s">
        <v>37</v>
      </c>
    </row>
    <row r="108" spans="1:22" ht="14.45" customHeight="1" x14ac:dyDescent="0.25">
      <c r="A108" s="3" t="s">
        <v>904</v>
      </c>
      <c r="B108" s="4" t="s">
        <v>398</v>
      </c>
      <c r="C108" s="3" t="s">
        <v>399</v>
      </c>
      <c r="D108" s="5" t="s">
        <v>129</v>
      </c>
      <c r="E108" s="3" t="s">
        <v>927</v>
      </c>
      <c r="F108" s="3" t="s">
        <v>1234</v>
      </c>
      <c r="G108" s="3" t="s">
        <v>631</v>
      </c>
      <c r="H108" s="3" t="s">
        <v>29</v>
      </c>
      <c r="I108" s="3" t="s">
        <v>929</v>
      </c>
      <c r="J108" s="3" t="s">
        <v>1235</v>
      </c>
      <c r="K108" s="3" t="s">
        <v>32</v>
      </c>
      <c r="L108" s="3" t="s">
        <v>33</v>
      </c>
      <c r="M108" s="3" t="s">
        <v>931</v>
      </c>
      <c r="N108" s="3" t="s">
        <v>234</v>
      </c>
      <c r="O108" s="3" t="s">
        <v>154</v>
      </c>
      <c r="P108" s="3" t="s">
        <v>37</v>
      </c>
      <c r="Q108" s="3" t="s">
        <v>37</v>
      </c>
      <c r="R108" s="3" t="s">
        <v>39</v>
      </c>
      <c r="S108" s="3" t="s">
        <v>1236</v>
      </c>
      <c r="T108" s="3" t="s">
        <v>37</v>
      </c>
      <c r="U108" s="3" t="s">
        <v>37</v>
      </c>
      <c r="V108" s="3" t="s">
        <v>37</v>
      </c>
    </row>
    <row r="109" spans="1:22" ht="14.45" customHeight="1" x14ac:dyDescent="0.25">
      <c r="A109" s="3" t="s">
        <v>904</v>
      </c>
      <c r="B109" s="4" t="s">
        <v>398</v>
      </c>
      <c r="C109" s="3" t="s">
        <v>399</v>
      </c>
      <c r="D109" s="5" t="s">
        <v>680</v>
      </c>
      <c r="E109" s="3" t="s">
        <v>927</v>
      </c>
      <c r="F109" s="3" t="s">
        <v>1237</v>
      </c>
      <c r="G109" s="3" t="s">
        <v>405</v>
      </c>
      <c r="H109" s="3" t="s">
        <v>29</v>
      </c>
      <c r="I109" s="3" t="s">
        <v>929</v>
      </c>
      <c r="J109" s="7" t="s">
        <v>930</v>
      </c>
      <c r="K109" s="3" t="s">
        <v>32</v>
      </c>
      <c r="L109" s="3" t="s">
        <v>33</v>
      </c>
      <c r="M109" s="3" t="s">
        <v>931</v>
      </c>
      <c r="N109" s="3" t="s">
        <v>234</v>
      </c>
      <c r="O109" s="3" t="s">
        <v>154</v>
      </c>
      <c r="P109" s="3" t="s">
        <v>37</v>
      </c>
      <c r="Q109" s="3" t="s">
        <v>37</v>
      </c>
      <c r="R109" s="3" t="s">
        <v>39</v>
      </c>
      <c r="S109" s="3" t="s">
        <v>1238</v>
      </c>
      <c r="T109" s="3" t="s">
        <v>37</v>
      </c>
      <c r="U109" s="3" t="s">
        <v>37</v>
      </c>
      <c r="V109" s="3" t="s">
        <v>37</v>
      </c>
    </row>
    <row r="110" spans="1:22" ht="14.45" customHeight="1" x14ac:dyDescent="0.25">
      <c r="A110" s="3" t="s">
        <v>904</v>
      </c>
      <c r="B110" s="4" t="s">
        <v>398</v>
      </c>
      <c r="C110" s="3" t="s">
        <v>399</v>
      </c>
      <c r="D110" s="5" t="s">
        <v>1239</v>
      </c>
      <c r="E110" s="3" t="s">
        <v>927</v>
      </c>
      <c r="F110" s="3" t="s">
        <v>1240</v>
      </c>
      <c r="G110" s="3" t="s">
        <v>139</v>
      </c>
      <c r="H110" s="3" t="s">
        <v>29</v>
      </c>
      <c r="I110" s="3" t="s">
        <v>936</v>
      </c>
      <c r="J110" s="7" t="s">
        <v>930</v>
      </c>
      <c r="K110" s="3" t="s">
        <v>32</v>
      </c>
      <c r="L110" s="3" t="s">
        <v>33</v>
      </c>
      <c r="M110" s="3" t="s">
        <v>931</v>
      </c>
      <c r="N110" s="3" t="s">
        <v>234</v>
      </c>
      <c r="O110" s="3" t="s">
        <v>154</v>
      </c>
      <c r="P110" s="3" t="s">
        <v>37</v>
      </c>
      <c r="Q110" s="3" t="s">
        <v>37</v>
      </c>
      <c r="R110" s="3" t="s">
        <v>39</v>
      </c>
      <c r="S110" s="3" t="s">
        <v>1241</v>
      </c>
      <c r="T110" s="3" t="s">
        <v>37</v>
      </c>
      <c r="U110" s="3" t="s">
        <v>37</v>
      </c>
      <c r="V110" s="3" t="s">
        <v>37</v>
      </c>
    </row>
    <row r="111" spans="1:22" ht="14.45" customHeight="1" x14ac:dyDescent="0.25">
      <c r="A111" s="3" t="s">
        <v>904</v>
      </c>
      <c r="B111" s="4" t="s">
        <v>398</v>
      </c>
      <c r="C111" s="3" t="s">
        <v>399</v>
      </c>
      <c r="D111" s="5" t="s">
        <v>992</v>
      </c>
      <c r="E111" s="3" t="s">
        <v>927</v>
      </c>
      <c r="F111" s="3" t="s">
        <v>1242</v>
      </c>
      <c r="G111" s="3" t="s">
        <v>191</v>
      </c>
      <c r="H111" s="3" t="s">
        <v>29</v>
      </c>
      <c r="I111" s="3" t="s">
        <v>929</v>
      </c>
      <c r="J111" s="7" t="s">
        <v>930</v>
      </c>
      <c r="K111" s="3" t="s">
        <v>32</v>
      </c>
      <c r="L111" s="3" t="s">
        <v>33</v>
      </c>
      <c r="M111" s="3" t="s">
        <v>931</v>
      </c>
      <c r="N111" s="3" t="s">
        <v>234</v>
      </c>
      <c r="O111" s="3" t="s">
        <v>154</v>
      </c>
      <c r="P111" s="3" t="s">
        <v>37</v>
      </c>
      <c r="Q111" s="3" t="s">
        <v>37</v>
      </c>
      <c r="R111" s="3" t="s">
        <v>39</v>
      </c>
      <c r="S111" s="3" t="s">
        <v>1243</v>
      </c>
      <c r="T111" s="3" t="s">
        <v>37</v>
      </c>
      <c r="U111" s="3" t="s">
        <v>37</v>
      </c>
      <c r="V111" s="3" t="s">
        <v>37</v>
      </c>
    </row>
    <row r="112" spans="1:22" ht="14.45" customHeight="1" x14ac:dyDescent="0.25">
      <c r="A112" s="3" t="s">
        <v>904</v>
      </c>
      <c r="B112" s="4" t="s">
        <v>398</v>
      </c>
      <c r="C112" s="3" t="s">
        <v>399</v>
      </c>
      <c r="D112" s="5" t="s">
        <v>1244</v>
      </c>
      <c r="E112" s="3" t="s">
        <v>927</v>
      </c>
      <c r="F112" s="3" t="s">
        <v>1245</v>
      </c>
      <c r="G112" s="3" t="s">
        <v>217</v>
      </c>
      <c r="H112" s="3" t="s">
        <v>29</v>
      </c>
      <c r="I112" s="3" t="s">
        <v>929</v>
      </c>
      <c r="J112" s="3" t="s">
        <v>1246</v>
      </c>
      <c r="K112" s="3" t="s">
        <v>32</v>
      </c>
      <c r="L112" s="3" t="s">
        <v>33</v>
      </c>
      <c r="M112" s="3" t="s">
        <v>931</v>
      </c>
      <c r="N112" s="3" t="s">
        <v>234</v>
      </c>
      <c r="O112" s="3" t="s">
        <v>154</v>
      </c>
      <c r="P112" s="3" t="s">
        <v>37</v>
      </c>
      <c r="Q112" s="3" t="s">
        <v>37</v>
      </c>
      <c r="R112" s="3" t="s">
        <v>39</v>
      </c>
      <c r="S112" s="3" t="s">
        <v>1247</v>
      </c>
      <c r="T112" s="3" t="s">
        <v>37</v>
      </c>
      <c r="U112" s="3" t="s">
        <v>37</v>
      </c>
      <c r="V112" s="3" t="s">
        <v>37</v>
      </c>
    </row>
    <row r="113" spans="1:22" ht="14.45" customHeight="1" x14ac:dyDescent="0.25">
      <c r="A113" s="3" t="s">
        <v>904</v>
      </c>
      <c r="B113" s="4" t="s">
        <v>398</v>
      </c>
      <c r="C113" s="3" t="s">
        <v>399</v>
      </c>
      <c r="D113" s="5" t="s">
        <v>143</v>
      </c>
      <c r="E113" s="3" t="s">
        <v>927</v>
      </c>
      <c r="F113" s="3" t="s">
        <v>1248</v>
      </c>
      <c r="G113" s="3" t="s">
        <v>254</v>
      </c>
      <c r="H113" s="3" t="s">
        <v>29</v>
      </c>
      <c r="I113" s="3" t="s">
        <v>929</v>
      </c>
      <c r="J113" s="7" t="s">
        <v>930</v>
      </c>
      <c r="K113" s="3" t="s">
        <v>32</v>
      </c>
      <c r="L113" s="3" t="s">
        <v>33</v>
      </c>
      <c r="M113" s="3" t="s">
        <v>931</v>
      </c>
      <c r="N113" s="3" t="s">
        <v>234</v>
      </c>
      <c r="O113" s="3" t="s">
        <v>154</v>
      </c>
      <c r="P113" s="3" t="s">
        <v>37</v>
      </c>
      <c r="Q113" s="3" t="s">
        <v>37</v>
      </c>
      <c r="R113" s="3" t="s">
        <v>39</v>
      </c>
      <c r="S113" s="3" t="s">
        <v>1249</v>
      </c>
      <c r="T113" s="3" t="s">
        <v>37</v>
      </c>
      <c r="U113" s="3" t="s">
        <v>37</v>
      </c>
      <c r="V113" s="3" t="s">
        <v>37</v>
      </c>
    </row>
    <row r="114" spans="1:22" ht="14.45" customHeight="1" x14ac:dyDescent="0.25">
      <c r="A114" s="3" t="s">
        <v>904</v>
      </c>
      <c r="B114" s="4" t="s">
        <v>398</v>
      </c>
      <c r="C114" s="3" t="s">
        <v>399</v>
      </c>
      <c r="D114" s="5" t="s">
        <v>148</v>
      </c>
      <c r="E114" s="3" t="s">
        <v>1028</v>
      </c>
      <c r="F114" s="3" t="s">
        <v>1250</v>
      </c>
      <c r="G114" s="3" t="s">
        <v>116</v>
      </c>
      <c r="H114" s="3" t="s">
        <v>133</v>
      </c>
      <c r="I114" s="3" t="s">
        <v>1034</v>
      </c>
      <c r="J114" s="3" t="s">
        <v>1251</v>
      </c>
      <c r="K114" s="3" t="s">
        <v>32</v>
      </c>
      <c r="L114" s="3" t="s">
        <v>37</v>
      </c>
      <c r="M114" s="3" t="s">
        <v>74</v>
      </c>
      <c r="N114" s="3" t="s">
        <v>35</v>
      </c>
      <c r="O114" s="3" t="s">
        <v>36</v>
      </c>
      <c r="P114" s="3" t="s">
        <v>37</v>
      </c>
      <c r="Q114" s="3" t="s">
        <v>37</v>
      </c>
      <c r="R114" s="3" t="s">
        <v>39</v>
      </c>
      <c r="S114" s="3" t="s">
        <v>1252</v>
      </c>
      <c r="T114" s="3" t="s">
        <v>37</v>
      </c>
      <c r="U114" s="3" t="s">
        <v>37</v>
      </c>
      <c r="V114" s="3" t="s">
        <v>37</v>
      </c>
    </row>
    <row r="115" spans="1:22" ht="14.45" customHeight="1" x14ac:dyDescent="0.25">
      <c r="A115" s="3" t="s">
        <v>904</v>
      </c>
      <c r="B115" s="4" t="s">
        <v>398</v>
      </c>
      <c r="C115" s="3" t="s">
        <v>399</v>
      </c>
      <c r="D115" s="5" t="s">
        <v>1253</v>
      </c>
      <c r="E115" s="3" t="s">
        <v>1254</v>
      </c>
      <c r="F115" s="3" t="s">
        <v>1255</v>
      </c>
      <c r="G115" s="3" t="s">
        <v>88</v>
      </c>
      <c r="H115" s="3" t="s">
        <v>29</v>
      </c>
      <c r="I115" s="3" t="s">
        <v>37</v>
      </c>
      <c r="J115" s="8" t="s">
        <v>1256</v>
      </c>
      <c r="K115" s="3" t="s">
        <v>32</v>
      </c>
      <c r="L115" s="3" t="s">
        <v>33</v>
      </c>
      <c r="M115" s="3" t="s">
        <v>74</v>
      </c>
      <c r="N115" s="3" t="s">
        <v>234</v>
      </c>
      <c r="O115" s="3" t="s">
        <v>1257</v>
      </c>
      <c r="P115" s="3" t="s">
        <v>37</v>
      </c>
      <c r="Q115" s="3" t="s">
        <v>37</v>
      </c>
      <c r="R115" s="3" t="s">
        <v>39</v>
      </c>
      <c r="S115" s="3" t="s">
        <v>1258</v>
      </c>
      <c r="T115" s="3" t="s">
        <v>282</v>
      </c>
      <c r="U115" s="3" t="s">
        <v>37</v>
      </c>
      <c r="V115" s="3" t="s">
        <v>37</v>
      </c>
    </row>
    <row r="116" spans="1:22" ht="14.45" customHeight="1" x14ac:dyDescent="0.25">
      <c r="A116" s="3" t="s">
        <v>904</v>
      </c>
      <c r="B116" s="4" t="s">
        <v>398</v>
      </c>
      <c r="C116" s="3" t="s">
        <v>399</v>
      </c>
      <c r="D116" s="5" t="s">
        <v>160</v>
      </c>
      <c r="E116" s="3" t="s">
        <v>495</v>
      </c>
      <c r="F116" s="3" t="s">
        <v>1259</v>
      </c>
      <c r="G116" s="3" t="s">
        <v>405</v>
      </c>
      <c r="H116" s="3" t="s">
        <v>133</v>
      </c>
      <c r="I116" s="3" t="s">
        <v>497</v>
      </c>
      <c r="J116" s="3" t="s">
        <v>1260</v>
      </c>
      <c r="K116" s="3" t="s">
        <v>32</v>
      </c>
      <c r="L116" s="3" t="s">
        <v>33</v>
      </c>
      <c r="M116" s="3" t="s">
        <v>34</v>
      </c>
      <c r="N116" s="3" t="s">
        <v>153</v>
      </c>
      <c r="O116" s="3" t="s">
        <v>105</v>
      </c>
      <c r="P116" s="3" t="s">
        <v>37</v>
      </c>
      <c r="Q116" s="3" t="s">
        <v>37</v>
      </c>
      <c r="R116" s="3" t="s">
        <v>39</v>
      </c>
      <c r="S116" s="3" t="s">
        <v>1261</v>
      </c>
      <c r="T116" s="3" t="s">
        <v>37</v>
      </c>
      <c r="U116" s="3" t="s">
        <v>37</v>
      </c>
      <c r="V116" s="3" t="s">
        <v>37</v>
      </c>
    </row>
    <row r="117" spans="1:22" ht="14.45" customHeight="1" x14ac:dyDescent="0.25">
      <c r="A117" s="3" t="s">
        <v>904</v>
      </c>
      <c r="B117" s="4" t="s">
        <v>398</v>
      </c>
      <c r="C117" s="3" t="s">
        <v>399</v>
      </c>
      <c r="D117" s="5" t="s">
        <v>1003</v>
      </c>
      <c r="E117" s="3" t="s">
        <v>927</v>
      </c>
      <c r="F117" s="3" t="s">
        <v>1262</v>
      </c>
      <c r="G117" s="3" t="s">
        <v>855</v>
      </c>
      <c r="H117" s="3" t="s">
        <v>29</v>
      </c>
      <c r="I117" s="3" t="s">
        <v>929</v>
      </c>
      <c r="J117" s="7" t="s">
        <v>930</v>
      </c>
      <c r="K117" s="3" t="s">
        <v>32</v>
      </c>
      <c r="L117" s="3" t="s">
        <v>33</v>
      </c>
      <c r="M117" s="3" t="s">
        <v>931</v>
      </c>
      <c r="N117" s="3" t="s">
        <v>234</v>
      </c>
      <c r="O117" s="3" t="s">
        <v>154</v>
      </c>
      <c r="P117" s="3" t="s">
        <v>37</v>
      </c>
      <c r="Q117" s="3" t="s">
        <v>37</v>
      </c>
      <c r="R117" s="3" t="s">
        <v>39</v>
      </c>
      <c r="S117" s="3" t="s">
        <v>1263</v>
      </c>
      <c r="T117" s="3" t="s">
        <v>282</v>
      </c>
      <c r="U117" s="3" t="s">
        <v>37</v>
      </c>
      <c r="V117" s="3" t="s">
        <v>37</v>
      </c>
    </row>
    <row r="118" spans="1:22" ht="14.45" customHeight="1" x14ac:dyDescent="0.25">
      <c r="A118" s="3" t="s">
        <v>904</v>
      </c>
      <c r="B118" s="4" t="s">
        <v>398</v>
      </c>
      <c r="C118" s="3" t="s">
        <v>399</v>
      </c>
      <c r="D118" s="5" t="s">
        <v>171</v>
      </c>
      <c r="E118" s="3" t="s">
        <v>927</v>
      </c>
      <c r="F118" s="3" t="s">
        <v>1264</v>
      </c>
      <c r="G118" s="3" t="s">
        <v>197</v>
      </c>
      <c r="H118" s="3" t="s">
        <v>29</v>
      </c>
      <c r="I118" s="3" t="s">
        <v>936</v>
      </c>
      <c r="J118" s="7" t="s">
        <v>930</v>
      </c>
      <c r="K118" s="3" t="s">
        <v>32</v>
      </c>
      <c r="L118" s="3" t="s">
        <v>33</v>
      </c>
      <c r="M118" s="3" t="s">
        <v>931</v>
      </c>
      <c r="N118" s="3" t="s">
        <v>234</v>
      </c>
      <c r="O118" s="3" t="s">
        <v>154</v>
      </c>
      <c r="P118" s="3" t="s">
        <v>37</v>
      </c>
      <c r="Q118" s="3" t="s">
        <v>37</v>
      </c>
      <c r="R118" s="3" t="s">
        <v>39</v>
      </c>
      <c r="S118" s="3" t="s">
        <v>1265</v>
      </c>
      <c r="T118" s="3" t="s">
        <v>282</v>
      </c>
      <c r="U118" s="3" t="s">
        <v>37</v>
      </c>
      <c r="V118" s="3" t="s">
        <v>37</v>
      </c>
    </row>
    <row r="119" spans="1:22" ht="14.45" customHeight="1" x14ac:dyDescent="0.25">
      <c r="A119" s="3" t="s">
        <v>904</v>
      </c>
      <c r="B119" s="4" t="s">
        <v>398</v>
      </c>
      <c r="C119" s="3" t="s">
        <v>399</v>
      </c>
      <c r="D119" s="5" t="s">
        <v>1010</v>
      </c>
      <c r="E119" s="3" t="s">
        <v>927</v>
      </c>
      <c r="F119" s="3" t="s">
        <v>1266</v>
      </c>
      <c r="G119" s="3" t="s">
        <v>167</v>
      </c>
      <c r="H119" s="3" t="s">
        <v>29</v>
      </c>
      <c r="I119" s="3" t="s">
        <v>929</v>
      </c>
      <c r="J119" s="7" t="s">
        <v>930</v>
      </c>
      <c r="K119" s="3" t="s">
        <v>32</v>
      </c>
      <c r="L119" s="3" t="s">
        <v>33</v>
      </c>
      <c r="M119" s="3" t="s">
        <v>931</v>
      </c>
      <c r="N119" s="3" t="s">
        <v>234</v>
      </c>
      <c r="O119" s="3" t="s">
        <v>154</v>
      </c>
      <c r="P119" s="3" t="s">
        <v>37</v>
      </c>
      <c r="Q119" s="3" t="s">
        <v>37</v>
      </c>
      <c r="R119" s="3" t="s">
        <v>39</v>
      </c>
      <c r="S119" s="3" t="s">
        <v>1267</v>
      </c>
      <c r="T119" s="3" t="s">
        <v>282</v>
      </c>
      <c r="U119" s="3" t="s">
        <v>37</v>
      </c>
      <c r="V119" s="3" t="s">
        <v>37</v>
      </c>
    </row>
    <row r="120" spans="1:22" ht="14.45" customHeight="1" x14ac:dyDescent="0.25">
      <c r="A120" s="3" t="s">
        <v>904</v>
      </c>
      <c r="B120" s="4" t="s">
        <v>398</v>
      </c>
      <c r="C120" s="3" t="s">
        <v>399</v>
      </c>
      <c r="D120" s="5" t="s">
        <v>1014</v>
      </c>
      <c r="E120" s="3" t="s">
        <v>961</v>
      </c>
      <c r="F120" s="3" t="s">
        <v>962</v>
      </c>
      <c r="G120" s="3" t="s">
        <v>217</v>
      </c>
      <c r="H120" s="3" t="s">
        <v>29</v>
      </c>
      <c r="I120" s="3" t="s">
        <v>37</v>
      </c>
      <c r="J120" s="3" t="s">
        <v>963</v>
      </c>
      <c r="K120" s="3" t="s">
        <v>32</v>
      </c>
      <c r="L120" s="3" t="s">
        <v>33</v>
      </c>
      <c r="M120" s="3" t="s">
        <v>74</v>
      </c>
      <c r="N120" s="3" t="s">
        <v>234</v>
      </c>
      <c r="O120" s="3" t="s">
        <v>105</v>
      </c>
      <c r="P120" s="3" t="s">
        <v>37</v>
      </c>
      <c r="Q120" s="3" t="s">
        <v>37</v>
      </c>
      <c r="R120" s="3" t="s">
        <v>39</v>
      </c>
      <c r="S120" s="3" t="s">
        <v>964</v>
      </c>
      <c r="T120" s="3" t="s">
        <v>37</v>
      </c>
      <c r="U120" s="3" t="s">
        <v>37</v>
      </c>
      <c r="V120" s="3" t="s">
        <v>37</v>
      </c>
    </row>
    <row r="121" spans="1:22" ht="14.45" customHeight="1" x14ac:dyDescent="0.25">
      <c r="A121" s="3" t="s">
        <v>904</v>
      </c>
      <c r="B121" s="4" t="s">
        <v>398</v>
      </c>
      <c r="C121" s="3" t="s">
        <v>399</v>
      </c>
      <c r="D121" s="5" t="s">
        <v>1015</v>
      </c>
      <c r="E121" s="3" t="s">
        <v>1226</v>
      </c>
      <c r="F121" s="3" t="s">
        <v>1268</v>
      </c>
      <c r="G121" s="3" t="s">
        <v>732</v>
      </c>
      <c r="H121" s="3" t="s">
        <v>133</v>
      </c>
      <c r="I121" s="3" t="s">
        <v>1269</v>
      </c>
      <c r="J121" s="3" t="s">
        <v>1270</v>
      </c>
      <c r="K121" s="3" t="s">
        <v>32</v>
      </c>
      <c r="L121" s="3" t="s">
        <v>33</v>
      </c>
      <c r="M121" s="3" t="s">
        <v>74</v>
      </c>
      <c r="N121" s="3" t="s">
        <v>234</v>
      </c>
      <c r="O121" s="3" t="s">
        <v>37</v>
      </c>
      <c r="P121" s="3" t="s">
        <v>37</v>
      </c>
      <c r="Q121" s="3" t="s">
        <v>37</v>
      </c>
      <c r="R121" s="3" t="s">
        <v>39</v>
      </c>
      <c r="S121" s="3" t="s">
        <v>1271</v>
      </c>
      <c r="T121" s="3" t="s">
        <v>282</v>
      </c>
      <c r="U121" s="3" t="s">
        <v>37</v>
      </c>
      <c r="V121" s="3" t="s">
        <v>37</v>
      </c>
    </row>
    <row r="122" spans="1:22" ht="14.45" customHeight="1" x14ac:dyDescent="0.25">
      <c r="A122" s="3" t="s">
        <v>904</v>
      </c>
      <c r="B122" s="4" t="s">
        <v>398</v>
      </c>
      <c r="C122" s="3" t="s">
        <v>399</v>
      </c>
      <c r="D122" s="5" t="s">
        <v>1272</v>
      </c>
      <c r="E122" s="3" t="s">
        <v>1226</v>
      </c>
      <c r="F122" s="3" t="s">
        <v>1273</v>
      </c>
      <c r="G122" s="3" t="s">
        <v>29</v>
      </c>
      <c r="H122" s="3" t="s">
        <v>29</v>
      </c>
      <c r="I122" s="3" t="s">
        <v>37</v>
      </c>
      <c r="J122" s="3" t="s">
        <v>1274</v>
      </c>
      <c r="K122" s="3" t="s">
        <v>32</v>
      </c>
      <c r="L122" s="3" t="s">
        <v>33</v>
      </c>
      <c r="M122" s="3" t="s">
        <v>74</v>
      </c>
      <c r="N122" s="3" t="s">
        <v>75</v>
      </c>
      <c r="O122" s="3" t="s">
        <v>1275</v>
      </c>
      <c r="P122" s="3" t="s">
        <v>37</v>
      </c>
      <c r="Q122" s="3" t="s">
        <v>37</v>
      </c>
      <c r="R122" s="3" t="s">
        <v>39</v>
      </c>
      <c r="S122" s="3" t="s">
        <v>1276</v>
      </c>
      <c r="T122" s="3" t="s">
        <v>37</v>
      </c>
      <c r="U122" s="3" t="s">
        <v>37</v>
      </c>
      <c r="V122" s="3" t="s">
        <v>37</v>
      </c>
    </row>
    <row r="123" spans="1:22" ht="14.45" customHeight="1" x14ac:dyDescent="0.25">
      <c r="A123" s="3" t="s">
        <v>904</v>
      </c>
      <c r="B123" s="4" t="s">
        <v>398</v>
      </c>
      <c r="C123" s="3" t="s">
        <v>399</v>
      </c>
      <c r="D123" s="5" t="s">
        <v>1019</v>
      </c>
      <c r="E123" s="3" t="s">
        <v>996</v>
      </c>
      <c r="F123" s="3" t="s">
        <v>1277</v>
      </c>
      <c r="G123" s="3" t="s">
        <v>572</v>
      </c>
      <c r="H123" s="3" t="s">
        <v>133</v>
      </c>
      <c r="I123" s="3" t="s">
        <v>37</v>
      </c>
      <c r="J123" s="3" t="s">
        <v>1278</v>
      </c>
      <c r="K123" s="3" t="s">
        <v>32</v>
      </c>
      <c r="L123" s="3" t="s">
        <v>33</v>
      </c>
      <c r="M123" s="3" t="s">
        <v>74</v>
      </c>
      <c r="N123" s="3" t="s">
        <v>75</v>
      </c>
      <c r="O123" s="3" t="s">
        <v>1275</v>
      </c>
      <c r="P123" s="3" t="s">
        <v>37</v>
      </c>
      <c r="Q123" s="3" t="s">
        <v>37</v>
      </c>
      <c r="R123" s="3" t="s">
        <v>39</v>
      </c>
      <c r="S123" s="3" t="s">
        <v>1279</v>
      </c>
      <c r="T123" s="3" t="s">
        <v>282</v>
      </c>
      <c r="U123" s="3" t="s">
        <v>37</v>
      </c>
      <c r="V123" s="3" t="s">
        <v>37</v>
      </c>
    </row>
    <row r="124" spans="1:22" ht="14.45" customHeight="1" x14ac:dyDescent="0.25">
      <c r="A124" s="3" t="s">
        <v>904</v>
      </c>
      <c r="B124" s="4" t="s">
        <v>398</v>
      </c>
      <c r="C124" s="3" t="s">
        <v>399</v>
      </c>
      <c r="D124" s="5" t="s">
        <v>183</v>
      </c>
      <c r="E124" s="3" t="s">
        <v>996</v>
      </c>
      <c r="F124" s="3" t="s">
        <v>1280</v>
      </c>
      <c r="G124" s="3" t="s">
        <v>473</v>
      </c>
      <c r="H124" s="3" t="s">
        <v>133</v>
      </c>
      <c r="I124" s="3" t="s">
        <v>37</v>
      </c>
      <c r="J124" s="3" t="s">
        <v>1281</v>
      </c>
      <c r="K124" s="3" t="s">
        <v>32</v>
      </c>
      <c r="L124" s="3" t="s">
        <v>33</v>
      </c>
      <c r="M124" s="3" t="s">
        <v>74</v>
      </c>
      <c r="N124" s="3" t="s">
        <v>75</v>
      </c>
      <c r="O124" s="3" t="s">
        <v>1275</v>
      </c>
      <c r="P124" s="3" t="s">
        <v>37</v>
      </c>
      <c r="Q124" s="3" t="s">
        <v>37</v>
      </c>
      <c r="R124" s="3" t="s">
        <v>39</v>
      </c>
      <c r="S124" s="3" t="s">
        <v>1282</v>
      </c>
      <c r="T124" s="3" t="s">
        <v>37</v>
      </c>
      <c r="U124" s="3" t="s">
        <v>37</v>
      </c>
      <c r="V124" s="3" t="s">
        <v>37</v>
      </c>
    </row>
    <row r="125" spans="1:22" ht="14.45" customHeight="1" x14ac:dyDescent="0.25">
      <c r="A125" s="3" t="s">
        <v>904</v>
      </c>
      <c r="B125" s="4" t="s">
        <v>398</v>
      </c>
      <c r="C125" s="3" t="s">
        <v>399</v>
      </c>
      <c r="D125" s="5" t="s">
        <v>1283</v>
      </c>
      <c r="E125" s="3" t="s">
        <v>495</v>
      </c>
      <c r="F125" s="3" t="s">
        <v>1284</v>
      </c>
      <c r="G125" s="3" t="s">
        <v>1119</v>
      </c>
      <c r="H125" s="3" t="s">
        <v>207</v>
      </c>
      <c r="I125" s="3" t="s">
        <v>37</v>
      </c>
      <c r="J125" s="8" t="s">
        <v>1021</v>
      </c>
      <c r="K125" s="3" t="s">
        <v>32</v>
      </c>
      <c r="L125" s="3" t="s">
        <v>33</v>
      </c>
      <c r="M125" s="3" t="s">
        <v>34</v>
      </c>
      <c r="N125" s="3" t="s">
        <v>234</v>
      </c>
      <c r="O125" s="3" t="s">
        <v>37</v>
      </c>
      <c r="P125" s="3" t="s">
        <v>37</v>
      </c>
      <c r="Q125" s="3" t="s">
        <v>37</v>
      </c>
      <c r="R125" s="3" t="s">
        <v>39</v>
      </c>
      <c r="S125" s="3" t="s">
        <v>1285</v>
      </c>
      <c r="T125" s="3" t="s">
        <v>37</v>
      </c>
      <c r="U125" s="3" t="s">
        <v>37</v>
      </c>
      <c r="V125" s="3" t="s">
        <v>37</v>
      </c>
    </row>
    <row r="126" spans="1:22" ht="14.45" customHeight="1" x14ac:dyDescent="0.25">
      <c r="A126" s="3" t="s">
        <v>904</v>
      </c>
      <c r="B126" s="4" t="s">
        <v>398</v>
      </c>
      <c r="C126" s="3" t="s">
        <v>399</v>
      </c>
      <c r="D126" s="5" t="s">
        <v>1286</v>
      </c>
      <c r="E126" s="3" t="s">
        <v>495</v>
      </c>
      <c r="F126" s="3" t="s">
        <v>1284</v>
      </c>
      <c r="G126" s="3" t="s">
        <v>1114</v>
      </c>
      <c r="H126" s="3" t="s">
        <v>207</v>
      </c>
      <c r="I126" s="3" t="s">
        <v>37</v>
      </c>
      <c r="J126" s="8" t="s">
        <v>1021</v>
      </c>
      <c r="K126" s="3" t="s">
        <v>32</v>
      </c>
      <c r="L126" s="3" t="s">
        <v>33</v>
      </c>
      <c r="M126" s="3" t="s">
        <v>34</v>
      </c>
      <c r="N126" s="3" t="s">
        <v>234</v>
      </c>
      <c r="O126" s="3" t="s">
        <v>37</v>
      </c>
      <c r="P126" s="3" t="s">
        <v>37</v>
      </c>
      <c r="Q126" s="3" t="s">
        <v>37</v>
      </c>
      <c r="R126" s="3" t="s">
        <v>39</v>
      </c>
      <c r="S126" s="3" t="s">
        <v>1287</v>
      </c>
      <c r="T126" s="3" t="s">
        <v>37</v>
      </c>
      <c r="U126" s="3" t="s">
        <v>37</v>
      </c>
      <c r="V126" s="3" t="s">
        <v>37</v>
      </c>
    </row>
    <row r="127" spans="1:22" ht="14.45" customHeight="1" x14ac:dyDescent="0.25">
      <c r="A127" s="3" t="s">
        <v>904</v>
      </c>
      <c r="B127" s="4" t="s">
        <v>398</v>
      </c>
      <c r="C127" s="3" t="s">
        <v>399</v>
      </c>
      <c r="D127" s="5" t="s">
        <v>1023</v>
      </c>
      <c r="E127" s="3" t="s">
        <v>1024</v>
      </c>
      <c r="F127" s="3" t="s">
        <v>1288</v>
      </c>
      <c r="G127" s="3" t="s">
        <v>482</v>
      </c>
      <c r="H127" s="3" t="s">
        <v>133</v>
      </c>
      <c r="I127" s="3" t="s">
        <v>37</v>
      </c>
      <c r="J127" s="3" t="s">
        <v>1289</v>
      </c>
      <c r="K127" s="3" t="s">
        <v>32</v>
      </c>
      <c r="L127" s="3" t="s">
        <v>33</v>
      </c>
      <c r="M127" s="3" t="s">
        <v>74</v>
      </c>
      <c r="N127" s="3" t="s">
        <v>153</v>
      </c>
      <c r="O127" s="3" t="s">
        <v>53</v>
      </c>
      <c r="P127" s="3" t="s">
        <v>54</v>
      </c>
      <c r="Q127" s="3" t="s">
        <v>37</v>
      </c>
      <c r="R127" s="3" t="s">
        <v>39</v>
      </c>
      <c r="S127" s="3" t="s">
        <v>1290</v>
      </c>
      <c r="T127" s="3" t="s">
        <v>37</v>
      </c>
      <c r="U127" s="3" t="s">
        <v>37</v>
      </c>
      <c r="V127" s="3" t="s">
        <v>37</v>
      </c>
    </row>
    <row r="128" spans="1:22" ht="14.45" customHeight="1" x14ac:dyDescent="0.25">
      <c r="A128" s="3" t="s">
        <v>904</v>
      </c>
      <c r="B128" s="4" t="s">
        <v>398</v>
      </c>
      <c r="C128" s="3" t="s">
        <v>399</v>
      </c>
      <c r="D128" s="5" t="s">
        <v>201</v>
      </c>
      <c r="E128" s="3" t="s">
        <v>1028</v>
      </c>
      <c r="F128" s="3" t="s">
        <v>1291</v>
      </c>
      <c r="G128" s="3" t="s">
        <v>435</v>
      </c>
      <c r="H128" s="3" t="s">
        <v>88</v>
      </c>
      <c r="I128" s="3" t="s">
        <v>1292</v>
      </c>
      <c r="J128" s="3" t="s">
        <v>1293</v>
      </c>
      <c r="K128" s="3" t="s">
        <v>32</v>
      </c>
      <c r="L128" s="3" t="s">
        <v>33</v>
      </c>
      <c r="M128" s="3" t="s">
        <v>74</v>
      </c>
      <c r="N128" s="3" t="s">
        <v>52</v>
      </c>
      <c r="O128" s="3" t="s">
        <v>36</v>
      </c>
      <c r="P128" s="3" t="s">
        <v>37</v>
      </c>
      <c r="Q128" s="3" t="s">
        <v>37</v>
      </c>
      <c r="R128" s="3" t="s">
        <v>39</v>
      </c>
      <c r="S128" s="3" t="s">
        <v>1294</v>
      </c>
      <c r="T128" s="3" t="s">
        <v>37</v>
      </c>
      <c r="U128" s="3" t="s">
        <v>37</v>
      </c>
      <c r="V128" s="3" t="s">
        <v>37</v>
      </c>
    </row>
    <row r="129" spans="1:22" ht="14.45" customHeight="1" x14ac:dyDescent="0.25">
      <c r="A129" s="3" t="s">
        <v>904</v>
      </c>
      <c r="B129" s="4" t="s">
        <v>398</v>
      </c>
      <c r="C129" s="3" t="s">
        <v>399</v>
      </c>
      <c r="D129" s="5" t="s">
        <v>353</v>
      </c>
      <c r="E129" s="3" t="s">
        <v>1102</v>
      </c>
      <c r="F129" s="3" t="s">
        <v>1295</v>
      </c>
      <c r="G129" s="3" t="s">
        <v>552</v>
      </c>
      <c r="H129" s="3" t="s">
        <v>133</v>
      </c>
      <c r="I129" s="3" t="s">
        <v>1296</v>
      </c>
      <c r="J129" s="3" t="s">
        <v>1297</v>
      </c>
      <c r="K129" s="3" t="s">
        <v>32</v>
      </c>
      <c r="L129" s="3" t="s">
        <v>37</v>
      </c>
      <c r="M129" s="3" t="s">
        <v>74</v>
      </c>
      <c r="N129" s="3" t="s">
        <v>35</v>
      </c>
      <c r="O129" s="3" t="s">
        <v>105</v>
      </c>
      <c r="P129" s="3" t="s">
        <v>37</v>
      </c>
      <c r="Q129" s="3" t="s">
        <v>37</v>
      </c>
      <c r="R129" s="3" t="s">
        <v>39</v>
      </c>
      <c r="S129" s="3" t="s">
        <v>1298</v>
      </c>
      <c r="T129" s="3" t="s">
        <v>37</v>
      </c>
      <c r="U129" s="3" t="s">
        <v>37</v>
      </c>
      <c r="V129" s="3" t="s">
        <v>37</v>
      </c>
    </row>
    <row r="130" spans="1:22" ht="14.45" customHeight="1" x14ac:dyDescent="0.25">
      <c r="A130" s="3" t="s">
        <v>904</v>
      </c>
      <c r="B130" s="4" t="s">
        <v>398</v>
      </c>
      <c r="C130" s="3" t="s">
        <v>399</v>
      </c>
      <c r="D130" s="5" t="s">
        <v>494</v>
      </c>
      <c r="E130" s="3" t="s">
        <v>927</v>
      </c>
      <c r="F130" s="3" t="s">
        <v>1299</v>
      </c>
      <c r="G130" s="3" t="s">
        <v>262</v>
      </c>
      <c r="H130" s="3" t="s">
        <v>29</v>
      </c>
      <c r="I130" s="3" t="s">
        <v>929</v>
      </c>
      <c r="J130" s="7" t="s">
        <v>930</v>
      </c>
      <c r="K130" s="3" t="s">
        <v>32</v>
      </c>
      <c r="L130" s="3" t="s">
        <v>33</v>
      </c>
      <c r="M130" s="3" t="s">
        <v>931</v>
      </c>
      <c r="N130" s="3" t="s">
        <v>234</v>
      </c>
      <c r="O130" s="3" t="s">
        <v>154</v>
      </c>
      <c r="P130" s="3" t="s">
        <v>37</v>
      </c>
      <c r="Q130" s="3" t="s">
        <v>37</v>
      </c>
      <c r="R130" s="3" t="s">
        <v>39</v>
      </c>
      <c r="S130" s="3" t="s">
        <v>1300</v>
      </c>
      <c r="T130" s="3" t="s">
        <v>37</v>
      </c>
      <c r="U130" s="3" t="s">
        <v>37</v>
      </c>
      <c r="V130" s="3" t="s">
        <v>37</v>
      </c>
    </row>
    <row r="131" spans="1:22" ht="14.45" customHeight="1" x14ac:dyDescent="0.25">
      <c r="A131" s="3" t="s">
        <v>904</v>
      </c>
      <c r="B131" s="4" t="s">
        <v>398</v>
      </c>
      <c r="C131" s="3" t="s">
        <v>399</v>
      </c>
      <c r="D131" s="5" t="s">
        <v>1301</v>
      </c>
      <c r="E131" s="3" t="s">
        <v>927</v>
      </c>
      <c r="F131" s="3" t="s">
        <v>1302</v>
      </c>
      <c r="G131" s="3" t="s">
        <v>359</v>
      </c>
      <c r="H131" s="3" t="s">
        <v>29</v>
      </c>
      <c r="I131" s="3" t="s">
        <v>929</v>
      </c>
      <c r="J131" s="7" t="s">
        <v>930</v>
      </c>
      <c r="K131" s="3" t="s">
        <v>32</v>
      </c>
      <c r="L131" s="3" t="s">
        <v>33</v>
      </c>
      <c r="M131" s="3" t="s">
        <v>931</v>
      </c>
      <c r="N131" s="3" t="s">
        <v>234</v>
      </c>
      <c r="O131" s="3" t="s">
        <v>154</v>
      </c>
      <c r="P131" s="3" t="s">
        <v>37</v>
      </c>
      <c r="Q131" s="3" t="s">
        <v>37</v>
      </c>
      <c r="R131" s="3" t="s">
        <v>39</v>
      </c>
      <c r="S131" s="3" t="s">
        <v>1303</v>
      </c>
      <c r="T131" s="3" t="s">
        <v>37</v>
      </c>
      <c r="U131" s="3" t="s">
        <v>37</v>
      </c>
      <c r="V131" s="3" t="s">
        <v>37</v>
      </c>
    </row>
    <row r="132" spans="1:22" ht="14.45" customHeight="1" x14ac:dyDescent="0.25">
      <c r="A132" s="3" t="s">
        <v>904</v>
      </c>
      <c r="B132" s="4" t="s">
        <v>398</v>
      </c>
      <c r="C132" s="3" t="s">
        <v>399</v>
      </c>
      <c r="D132" s="5" t="s">
        <v>362</v>
      </c>
      <c r="E132" s="3" t="s">
        <v>927</v>
      </c>
      <c r="F132" s="3" t="s">
        <v>934</v>
      </c>
      <c r="G132" s="3" t="s">
        <v>935</v>
      </c>
      <c r="H132" s="3" t="s">
        <v>29</v>
      </c>
      <c r="I132" s="3" t="s">
        <v>936</v>
      </c>
      <c r="J132" s="7" t="s">
        <v>930</v>
      </c>
      <c r="K132" s="3" t="s">
        <v>32</v>
      </c>
      <c r="L132" s="3" t="s">
        <v>33</v>
      </c>
      <c r="M132" s="3" t="s">
        <v>931</v>
      </c>
      <c r="N132" s="3" t="s">
        <v>234</v>
      </c>
      <c r="O132" s="3" t="s">
        <v>937</v>
      </c>
      <c r="P132" s="3" t="s">
        <v>37</v>
      </c>
      <c r="Q132" s="3" t="s">
        <v>37</v>
      </c>
      <c r="R132" s="3" t="s">
        <v>39</v>
      </c>
      <c r="S132" s="3" t="s">
        <v>938</v>
      </c>
      <c r="T132" s="3" t="s">
        <v>37</v>
      </c>
      <c r="U132" s="3" t="s">
        <v>37</v>
      </c>
      <c r="V132" s="3" t="s">
        <v>37</v>
      </c>
    </row>
    <row r="133" spans="1:22" ht="14.45" customHeight="1" x14ac:dyDescent="0.25">
      <c r="A133" s="3" t="s">
        <v>904</v>
      </c>
      <c r="B133" s="4" t="s">
        <v>398</v>
      </c>
      <c r="C133" s="3" t="s">
        <v>399</v>
      </c>
      <c r="D133" s="5" t="s">
        <v>1040</v>
      </c>
      <c r="E133" s="3" t="s">
        <v>961</v>
      </c>
      <c r="F133" s="3" t="s">
        <v>962</v>
      </c>
      <c r="G133" s="3" t="s">
        <v>217</v>
      </c>
      <c r="H133" s="3" t="s">
        <v>29</v>
      </c>
      <c r="I133" s="3" t="s">
        <v>37</v>
      </c>
      <c r="J133" s="3" t="s">
        <v>963</v>
      </c>
      <c r="K133" s="3" t="s">
        <v>32</v>
      </c>
      <c r="L133" s="3" t="s">
        <v>33</v>
      </c>
      <c r="M133" s="3" t="s">
        <v>74</v>
      </c>
      <c r="N133" s="3" t="s">
        <v>234</v>
      </c>
      <c r="O133" s="3" t="s">
        <v>105</v>
      </c>
      <c r="P133" s="3" t="s">
        <v>37</v>
      </c>
      <c r="Q133" s="3" t="s">
        <v>37</v>
      </c>
      <c r="R133" s="3" t="s">
        <v>39</v>
      </c>
      <c r="S133" s="3" t="s">
        <v>964</v>
      </c>
      <c r="T133" s="3" t="s">
        <v>37</v>
      </c>
      <c r="U133" s="3" t="s">
        <v>37</v>
      </c>
      <c r="V133" s="3" t="s">
        <v>37</v>
      </c>
    </row>
    <row r="134" spans="1:22" ht="14.45" customHeight="1" x14ac:dyDescent="0.25">
      <c r="A134" s="3" t="s">
        <v>904</v>
      </c>
      <c r="B134" s="4" t="s">
        <v>398</v>
      </c>
      <c r="C134" s="3" t="s">
        <v>399</v>
      </c>
      <c r="D134" s="5" t="s">
        <v>220</v>
      </c>
      <c r="E134" s="3" t="s">
        <v>1226</v>
      </c>
      <c r="F134" s="3" t="s">
        <v>1268</v>
      </c>
      <c r="G134" s="3" t="s">
        <v>732</v>
      </c>
      <c r="H134" s="3" t="s">
        <v>133</v>
      </c>
      <c r="I134" s="3" t="s">
        <v>1269</v>
      </c>
      <c r="J134" s="3" t="s">
        <v>1270</v>
      </c>
      <c r="K134" s="3" t="s">
        <v>32</v>
      </c>
      <c r="L134" s="3" t="s">
        <v>33</v>
      </c>
      <c r="M134" s="3" t="s">
        <v>74</v>
      </c>
      <c r="N134" s="3" t="s">
        <v>234</v>
      </c>
      <c r="O134" s="3" t="s">
        <v>37</v>
      </c>
      <c r="P134" s="3" t="s">
        <v>37</v>
      </c>
      <c r="Q134" s="3" t="s">
        <v>37</v>
      </c>
      <c r="R134" s="3" t="s">
        <v>39</v>
      </c>
      <c r="S134" s="3" t="s">
        <v>1271</v>
      </c>
      <c r="T134" s="3" t="s">
        <v>37</v>
      </c>
      <c r="U134" s="3" t="s">
        <v>37</v>
      </c>
      <c r="V134" s="3" t="s">
        <v>37</v>
      </c>
    </row>
    <row r="135" spans="1:22" ht="14.45" customHeight="1" x14ac:dyDescent="0.25">
      <c r="A135" s="3" t="s">
        <v>904</v>
      </c>
      <c r="B135" s="4" t="s">
        <v>398</v>
      </c>
      <c r="C135" s="3" t="s">
        <v>399</v>
      </c>
      <c r="D135" s="5" t="s">
        <v>1304</v>
      </c>
      <c r="E135" s="3" t="s">
        <v>1226</v>
      </c>
      <c r="F135" s="3" t="s">
        <v>1273</v>
      </c>
      <c r="G135" s="3" t="s">
        <v>29</v>
      </c>
      <c r="H135" s="3" t="s">
        <v>29</v>
      </c>
      <c r="I135" s="3" t="s">
        <v>37</v>
      </c>
      <c r="J135" s="3" t="s">
        <v>1274</v>
      </c>
      <c r="K135" s="3" t="s">
        <v>32</v>
      </c>
      <c r="L135" s="3" t="s">
        <v>33</v>
      </c>
      <c r="M135" s="3" t="s">
        <v>74</v>
      </c>
      <c r="N135" s="3" t="s">
        <v>75</v>
      </c>
      <c r="O135" s="3" t="s">
        <v>1275</v>
      </c>
      <c r="P135" s="3" t="s">
        <v>37</v>
      </c>
      <c r="Q135" s="3" t="s">
        <v>37</v>
      </c>
      <c r="R135" s="3" t="s">
        <v>39</v>
      </c>
      <c r="S135" s="3" t="s">
        <v>1276</v>
      </c>
      <c r="T135" s="3" t="s">
        <v>37</v>
      </c>
      <c r="U135" s="3" t="s">
        <v>37</v>
      </c>
      <c r="V135" s="3" t="s">
        <v>37</v>
      </c>
    </row>
    <row r="136" spans="1:22" ht="14.45" customHeight="1" x14ac:dyDescent="0.25">
      <c r="A136" s="3" t="s">
        <v>904</v>
      </c>
      <c r="B136" s="4" t="s">
        <v>398</v>
      </c>
      <c r="C136" s="3" t="s">
        <v>399</v>
      </c>
      <c r="D136" s="5" t="s">
        <v>380</v>
      </c>
      <c r="E136" s="3" t="s">
        <v>996</v>
      </c>
      <c r="F136" s="3" t="s">
        <v>1277</v>
      </c>
      <c r="G136" s="3" t="s">
        <v>572</v>
      </c>
      <c r="H136" s="3" t="s">
        <v>133</v>
      </c>
      <c r="I136" s="3" t="s">
        <v>37</v>
      </c>
      <c r="J136" s="3" t="s">
        <v>1278</v>
      </c>
      <c r="K136" s="3" t="s">
        <v>32</v>
      </c>
      <c r="L136" s="3" t="s">
        <v>33</v>
      </c>
      <c r="M136" s="3" t="s">
        <v>74</v>
      </c>
      <c r="N136" s="3" t="s">
        <v>75</v>
      </c>
      <c r="O136" s="3" t="s">
        <v>1275</v>
      </c>
      <c r="P136" s="3" t="s">
        <v>37</v>
      </c>
      <c r="Q136" s="3" t="s">
        <v>37</v>
      </c>
      <c r="R136" s="3" t="s">
        <v>39</v>
      </c>
      <c r="S136" s="3" t="s">
        <v>1279</v>
      </c>
      <c r="T136" s="3" t="s">
        <v>37</v>
      </c>
      <c r="U136" s="3" t="s">
        <v>37</v>
      </c>
      <c r="V136" s="3" t="s">
        <v>37</v>
      </c>
    </row>
    <row r="137" spans="1:22" ht="14.45" customHeight="1" x14ac:dyDescent="0.25">
      <c r="A137" s="3" t="s">
        <v>904</v>
      </c>
      <c r="B137" s="4" t="s">
        <v>398</v>
      </c>
      <c r="C137" s="3" t="s">
        <v>399</v>
      </c>
      <c r="D137" s="5" t="s">
        <v>1305</v>
      </c>
      <c r="E137" s="3" t="s">
        <v>996</v>
      </c>
      <c r="F137" s="3" t="s">
        <v>1280</v>
      </c>
      <c r="G137" s="3" t="s">
        <v>473</v>
      </c>
      <c r="H137" s="3" t="s">
        <v>133</v>
      </c>
      <c r="I137" s="3" t="s">
        <v>37</v>
      </c>
      <c r="J137" s="3" t="s">
        <v>1281</v>
      </c>
      <c r="K137" s="3" t="s">
        <v>32</v>
      </c>
      <c r="L137" s="3" t="s">
        <v>33</v>
      </c>
      <c r="M137" s="3" t="s">
        <v>74</v>
      </c>
      <c r="N137" s="3" t="s">
        <v>75</v>
      </c>
      <c r="O137" s="3" t="s">
        <v>1275</v>
      </c>
      <c r="P137" s="3" t="s">
        <v>37</v>
      </c>
      <c r="Q137" s="3" t="s">
        <v>37</v>
      </c>
      <c r="R137" s="3" t="s">
        <v>39</v>
      </c>
      <c r="S137" s="3" t="s">
        <v>1282</v>
      </c>
      <c r="T137" s="3" t="s">
        <v>37</v>
      </c>
      <c r="U137" s="3" t="s">
        <v>37</v>
      </c>
      <c r="V137" s="3" t="s">
        <v>37</v>
      </c>
    </row>
    <row r="138" spans="1:22" ht="14.45" customHeight="1" x14ac:dyDescent="0.25">
      <c r="A138" s="3" t="s">
        <v>904</v>
      </c>
      <c r="B138" s="4" t="s">
        <v>398</v>
      </c>
      <c r="C138" s="3" t="s">
        <v>399</v>
      </c>
      <c r="D138" s="5" t="s">
        <v>229</v>
      </c>
      <c r="E138" s="3" t="s">
        <v>495</v>
      </c>
      <c r="F138" s="3" t="s">
        <v>1284</v>
      </c>
      <c r="G138" s="3" t="s">
        <v>1119</v>
      </c>
      <c r="H138" s="3" t="s">
        <v>207</v>
      </c>
      <c r="I138" s="3" t="s">
        <v>37</v>
      </c>
      <c r="J138" s="8" t="s">
        <v>1021</v>
      </c>
      <c r="K138" s="3" t="s">
        <v>32</v>
      </c>
      <c r="L138" s="3" t="s">
        <v>33</v>
      </c>
      <c r="M138" s="3" t="s">
        <v>34</v>
      </c>
      <c r="N138" s="3" t="s">
        <v>234</v>
      </c>
      <c r="O138" s="3" t="s">
        <v>37</v>
      </c>
      <c r="P138" s="3" t="s">
        <v>37</v>
      </c>
      <c r="Q138" s="3" t="s">
        <v>37</v>
      </c>
      <c r="R138" s="3" t="s">
        <v>39</v>
      </c>
      <c r="S138" s="3" t="s">
        <v>1285</v>
      </c>
      <c r="T138" s="3" t="s">
        <v>37</v>
      </c>
      <c r="U138" s="3" t="s">
        <v>37</v>
      </c>
      <c r="V138" s="3" t="s">
        <v>37</v>
      </c>
    </row>
    <row r="139" spans="1:22" ht="14.45" customHeight="1" x14ac:dyDescent="0.25">
      <c r="A139" s="3" t="s">
        <v>904</v>
      </c>
      <c r="B139" s="4" t="s">
        <v>398</v>
      </c>
      <c r="C139" s="3" t="s">
        <v>399</v>
      </c>
      <c r="D139" s="5" t="s">
        <v>1306</v>
      </c>
      <c r="E139" s="3" t="s">
        <v>495</v>
      </c>
      <c r="F139" s="3" t="s">
        <v>1284</v>
      </c>
      <c r="G139" s="3" t="s">
        <v>1114</v>
      </c>
      <c r="H139" s="3" t="s">
        <v>207</v>
      </c>
      <c r="I139" s="3" t="s">
        <v>37</v>
      </c>
      <c r="J139" s="8" t="s">
        <v>1021</v>
      </c>
      <c r="K139" s="3" t="s">
        <v>32</v>
      </c>
      <c r="L139" s="3" t="s">
        <v>33</v>
      </c>
      <c r="M139" s="3" t="s">
        <v>34</v>
      </c>
      <c r="N139" s="3" t="s">
        <v>234</v>
      </c>
      <c r="O139" s="3" t="s">
        <v>37</v>
      </c>
      <c r="P139" s="3" t="s">
        <v>37</v>
      </c>
      <c r="Q139" s="3" t="s">
        <v>37</v>
      </c>
      <c r="R139" s="3" t="s">
        <v>39</v>
      </c>
      <c r="S139" s="3" t="s">
        <v>1287</v>
      </c>
      <c r="T139" s="3" t="s">
        <v>37</v>
      </c>
      <c r="U139" s="3" t="s">
        <v>37</v>
      </c>
      <c r="V139" s="3" t="s">
        <v>37</v>
      </c>
    </row>
    <row r="140" spans="1:22" ht="14.45" customHeight="1" x14ac:dyDescent="0.25">
      <c r="A140" s="3" t="s">
        <v>904</v>
      </c>
      <c r="B140" s="4" t="s">
        <v>398</v>
      </c>
      <c r="C140" s="3" t="s">
        <v>399</v>
      </c>
      <c r="D140" s="5" t="s">
        <v>1053</v>
      </c>
      <c r="E140" s="3" t="s">
        <v>1024</v>
      </c>
      <c r="F140" s="3" t="s">
        <v>1288</v>
      </c>
      <c r="G140" s="3" t="s">
        <v>482</v>
      </c>
      <c r="H140" s="3" t="s">
        <v>133</v>
      </c>
      <c r="I140" s="3" t="s">
        <v>37</v>
      </c>
      <c r="J140" s="3" t="s">
        <v>1289</v>
      </c>
      <c r="K140" s="3" t="s">
        <v>32</v>
      </c>
      <c r="L140" s="3" t="s">
        <v>33</v>
      </c>
      <c r="M140" s="3" t="s">
        <v>74</v>
      </c>
      <c r="N140" s="3" t="s">
        <v>153</v>
      </c>
      <c r="O140" s="3" t="s">
        <v>53</v>
      </c>
      <c r="P140" s="3" t="s">
        <v>54</v>
      </c>
      <c r="Q140" s="3" t="s">
        <v>37</v>
      </c>
      <c r="R140" s="3" t="s">
        <v>39</v>
      </c>
      <c r="S140" s="3" t="s">
        <v>1290</v>
      </c>
      <c r="T140" s="3" t="s">
        <v>37</v>
      </c>
      <c r="U140" s="3" t="s">
        <v>37</v>
      </c>
      <c r="V140" s="3" t="s">
        <v>37</v>
      </c>
    </row>
    <row r="141" spans="1:22" ht="14.45" customHeight="1" x14ac:dyDescent="0.25">
      <c r="A141" s="3" t="s">
        <v>904</v>
      </c>
      <c r="B141" s="4" t="s">
        <v>398</v>
      </c>
      <c r="C141" s="3" t="s">
        <v>399</v>
      </c>
      <c r="D141" s="5" t="s">
        <v>240</v>
      </c>
      <c r="E141" s="3" t="s">
        <v>1028</v>
      </c>
      <c r="F141" s="3" t="s">
        <v>1291</v>
      </c>
      <c r="G141" s="3" t="s">
        <v>435</v>
      </c>
      <c r="H141" s="3" t="s">
        <v>88</v>
      </c>
      <c r="I141" s="3" t="s">
        <v>1292</v>
      </c>
      <c r="J141" s="3" t="s">
        <v>1293</v>
      </c>
      <c r="K141" s="3" t="s">
        <v>32</v>
      </c>
      <c r="L141" s="3" t="s">
        <v>33</v>
      </c>
      <c r="M141" s="3" t="s">
        <v>74</v>
      </c>
      <c r="N141" s="3" t="s">
        <v>52</v>
      </c>
      <c r="O141" s="3" t="s">
        <v>36</v>
      </c>
      <c r="P141" s="3" t="s">
        <v>37</v>
      </c>
      <c r="Q141" s="3" t="s">
        <v>37</v>
      </c>
      <c r="R141" s="3" t="s">
        <v>39</v>
      </c>
      <c r="S141" s="3" t="s">
        <v>1294</v>
      </c>
      <c r="T141" s="3" t="s">
        <v>37</v>
      </c>
      <c r="U141" s="3" t="s">
        <v>37</v>
      </c>
      <c r="V141" s="3" t="s">
        <v>37</v>
      </c>
    </row>
    <row r="142" spans="1:22" ht="14.45" customHeight="1" x14ac:dyDescent="0.25">
      <c r="A142" s="3" t="s">
        <v>904</v>
      </c>
      <c r="B142" s="4" t="s">
        <v>398</v>
      </c>
      <c r="C142" s="3" t="s">
        <v>399</v>
      </c>
      <c r="D142" s="5" t="s">
        <v>1060</v>
      </c>
      <c r="E142" s="3" t="s">
        <v>916</v>
      </c>
      <c r="F142" s="3" t="s">
        <v>1307</v>
      </c>
      <c r="G142" s="3" t="s">
        <v>72</v>
      </c>
      <c r="H142" s="3" t="s">
        <v>29</v>
      </c>
      <c r="I142" s="3" t="s">
        <v>918</v>
      </c>
      <c r="J142" s="3" t="s">
        <v>1308</v>
      </c>
      <c r="K142" s="3" t="s">
        <v>32</v>
      </c>
      <c r="L142" s="3" t="s">
        <v>33</v>
      </c>
      <c r="M142" s="3" t="s">
        <v>34</v>
      </c>
      <c r="N142" s="3" t="s">
        <v>75</v>
      </c>
      <c r="O142" s="3" t="s">
        <v>53</v>
      </c>
      <c r="P142" s="3" t="s">
        <v>37</v>
      </c>
      <c r="Q142" s="3" t="s">
        <v>37</v>
      </c>
      <c r="R142" s="3" t="s">
        <v>39</v>
      </c>
      <c r="S142" s="3" t="s">
        <v>1309</v>
      </c>
      <c r="T142" s="3" t="s">
        <v>37</v>
      </c>
      <c r="U142" s="3" t="s">
        <v>37</v>
      </c>
      <c r="V142" s="3" t="s">
        <v>37</v>
      </c>
    </row>
    <row r="143" spans="1:22" ht="14.45" customHeight="1" x14ac:dyDescent="0.25">
      <c r="A143" s="3"/>
      <c r="B143" s="4"/>
      <c r="C143" s="3"/>
      <c r="D143" s="5"/>
      <c r="E143" s="6" t="s">
        <v>1064</v>
      </c>
      <c r="F143" s="3"/>
      <c r="G143" s="3"/>
      <c r="H143" s="3"/>
      <c r="I143" s="3"/>
      <c r="J143" s="3"/>
      <c r="K143" s="3"/>
      <c r="L143" s="3"/>
      <c r="M143" s="3"/>
      <c r="N143" s="3"/>
      <c r="O143" s="3"/>
      <c r="P143" s="3"/>
      <c r="Q143" s="3"/>
      <c r="R143" s="3"/>
      <c r="S143" s="3"/>
      <c r="T143" s="3"/>
      <c r="U143" s="3"/>
      <c r="V143" s="3"/>
    </row>
    <row r="144" spans="1:22" ht="14.45" customHeight="1" x14ac:dyDescent="0.25">
      <c r="A144" s="3"/>
      <c r="B144" s="4"/>
      <c r="C144" s="3"/>
      <c r="D144" s="5"/>
      <c r="E144" s="3"/>
      <c r="F144" s="3"/>
      <c r="G144" s="3"/>
      <c r="H144" s="3"/>
      <c r="I144" s="3"/>
      <c r="J144" s="3"/>
      <c r="K144" s="3"/>
      <c r="L144" s="3"/>
      <c r="M144" s="3"/>
      <c r="N144" s="3"/>
      <c r="O144" s="3"/>
      <c r="P144" s="3"/>
      <c r="Q144" s="3"/>
      <c r="R144" s="3"/>
      <c r="S144" s="3"/>
      <c r="T144" s="3"/>
      <c r="U144" s="3"/>
      <c r="V144" s="3"/>
    </row>
    <row r="145" spans="1:22" ht="14.45" customHeight="1" x14ac:dyDescent="0.25">
      <c r="A145" s="3" t="s">
        <v>904</v>
      </c>
      <c r="B145" s="4" t="s">
        <v>526</v>
      </c>
      <c r="C145" s="3" t="s">
        <v>527</v>
      </c>
      <c r="D145" s="5" t="s">
        <v>25</v>
      </c>
      <c r="E145" s="3" t="s">
        <v>905</v>
      </c>
      <c r="F145" s="3" t="s">
        <v>1310</v>
      </c>
      <c r="G145" s="3" t="s">
        <v>851</v>
      </c>
      <c r="H145" s="3" t="s">
        <v>88</v>
      </c>
      <c r="I145" s="3" t="s">
        <v>913</v>
      </c>
      <c r="J145" s="3" t="s">
        <v>1311</v>
      </c>
      <c r="K145" s="3" t="s">
        <v>32</v>
      </c>
      <c r="L145" s="3" t="s">
        <v>33</v>
      </c>
      <c r="M145" s="3" t="s">
        <v>74</v>
      </c>
      <c r="N145" s="3" t="s">
        <v>909</v>
      </c>
      <c r="O145" s="3" t="s">
        <v>105</v>
      </c>
      <c r="P145" s="3" t="s">
        <v>37</v>
      </c>
      <c r="Q145" s="3" t="s">
        <v>37</v>
      </c>
      <c r="R145" s="3" t="s">
        <v>39</v>
      </c>
      <c r="S145" s="3" t="s">
        <v>1312</v>
      </c>
      <c r="T145" s="3" t="s">
        <v>37</v>
      </c>
      <c r="U145" s="3" t="s">
        <v>37</v>
      </c>
      <c r="V145" s="3" t="s">
        <v>37</v>
      </c>
    </row>
    <row r="146" spans="1:22" ht="14.45" customHeight="1" x14ac:dyDescent="0.25">
      <c r="A146" s="3" t="s">
        <v>904</v>
      </c>
      <c r="B146" s="4" t="s">
        <v>526</v>
      </c>
      <c r="C146" s="3" t="s">
        <v>527</v>
      </c>
      <c r="D146" s="5" t="s">
        <v>911</v>
      </c>
      <c r="E146" s="3" t="s">
        <v>905</v>
      </c>
      <c r="F146" s="3" t="s">
        <v>1313</v>
      </c>
      <c r="G146" s="3" t="s">
        <v>1314</v>
      </c>
      <c r="H146" s="3" t="s">
        <v>88</v>
      </c>
      <c r="I146" s="3" t="s">
        <v>1315</v>
      </c>
      <c r="J146" s="3" t="s">
        <v>1316</v>
      </c>
      <c r="K146" s="3" t="s">
        <v>32</v>
      </c>
      <c r="L146" s="3" t="s">
        <v>33</v>
      </c>
      <c r="M146" s="3" t="s">
        <v>74</v>
      </c>
      <c r="N146" s="3" t="s">
        <v>909</v>
      </c>
      <c r="O146" s="3" t="s">
        <v>105</v>
      </c>
      <c r="P146" s="3" t="s">
        <v>37</v>
      </c>
      <c r="Q146" s="3" t="s">
        <v>37</v>
      </c>
      <c r="R146" s="3" t="s">
        <v>39</v>
      </c>
      <c r="S146" s="3" t="s">
        <v>1317</v>
      </c>
      <c r="T146" s="3" t="s">
        <v>37</v>
      </c>
      <c r="U146" s="3" t="s">
        <v>37</v>
      </c>
      <c r="V146" s="3" t="s">
        <v>37</v>
      </c>
    </row>
    <row r="147" spans="1:22" ht="14.45" customHeight="1" x14ac:dyDescent="0.25">
      <c r="A147" s="3" t="s">
        <v>904</v>
      </c>
      <c r="B147" s="4" t="s">
        <v>526</v>
      </c>
      <c r="C147" s="3" t="s">
        <v>527</v>
      </c>
      <c r="D147" s="5" t="s">
        <v>46</v>
      </c>
      <c r="E147" s="3" t="s">
        <v>927</v>
      </c>
      <c r="F147" s="3" t="s">
        <v>940</v>
      </c>
      <c r="G147" s="3" t="s">
        <v>341</v>
      </c>
      <c r="H147" s="3" t="s">
        <v>29</v>
      </c>
      <c r="I147" s="3" t="s">
        <v>929</v>
      </c>
      <c r="J147" s="7" t="s">
        <v>930</v>
      </c>
      <c r="K147" s="3" t="s">
        <v>32</v>
      </c>
      <c r="L147" s="3" t="s">
        <v>33</v>
      </c>
      <c r="M147" s="3" t="s">
        <v>931</v>
      </c>
      <c r="N147" s="3" t="s">
        <v>234</v>
      </c>
      <c r="O147" s="3" t="s">
        <v>154</v>
      </c>
      <c r="P147" s="3" t="s">
        <v>37</v>
      </c>
      <c r="Q147" s="3" t="s">
        <v>37</v>
      </c>
      <c r="R147" s="3" t="s">
        <v>39</v>
      </c>
      <c r="S147" s="3" t="s">
        <v>941</v>
      </c>
      <c r="T147" s="3" t="s">
        <v>37</v>
      </c>
      <c r="U147" s="3" t="s">
        <v>37</v>
      </c>
      <c r="V147" s="3" t="s">
        <v>37</v>
      </c>
    </row>
    <row r="148" spans="1:22" ht="14.45" customHeight="1" x14ac:dyDescent="0.25">
      <c r="A148" s="3" t="s">
        <v>904</v>
      </c>
      <c r="B148" s="4" t="s">
        <v>526</v>
      </c>
      <c r="C148" s="3" t="s">
        <v>527</v>
      </c>
      <c r="D148" s="5" t="s">
        <v>1187</v>
      </c>
      <c r="E148" s="3" t="s">
        <v>927</v>
      </c>
      <c r="F148" s="3" t="s">
        <v>943</v>
      </c>
      <c r="G148" s="3" t="s">
        <v>732</v>
      </c>
      <c r="H148" s="3" t="s">
        <v>29</v>
      </c>
      <c r="I148" s="3" t="s">
        <v>936</v>
      </c>
      <c r="J148" s="7" t="s">
        <v>930</v>
      </c>
      <c r="K148" s="3" t="s">
        <v>32</v>
      </c>
      <c r="L148" s="3" t="s">
        <v>33</v>
      </c>
      <c r="M148" s="3" t="s">
        <v>931</v>
      </c>
      <c r="N148" s="3" t="s">
        <v>234</v>
      </c>
      <c r="O148" s="3" t="s">
        <v>154</v>
      </c>
      <c r="P148" s="3" t="s">
        <v>37</v>
      </c>
      <c r="Q148" s="3" t="s">
        <v>37</v>
      </c>
      <c r="R148" s="3" t="s">
        <v>39</v>
      </c>
      <c r="S148" s="3" t="s">
        <v>944</v>
      </c>
      <c r="T148" s="3" t="s">
        <v>37</v>
      </c>
      <c r="U148" s="3" t="s">
        <v>37</v>
      </c>
      <c r="V148" s="3" t="s">
        <v>37</v>
      </c>
    </row>
    <row r="149" spans="1:22" ht="14.45" customHeight="1" x14ac:dyDescent="0.25">
      <c r="A149" s="3" t="s">
        <v>904</v>
      </c>
      <c r="B149" s="4" t="s">
        <v>526</v>
      </c>
      <c r="C149" s="3" t="s">
        <v>527</v>
      </c>
      <c r="D149" s="5" t="s">
        <v>1188</v>
      </c>
      <c r="E149" s="3" t="s">
        <v>927</v>
      </c>
      <c r="F149" s="3" t="s">
        <v>946</v>
      </c>
      <c r="G149" s="3" t="s">
        <v>29</v>
      </c>
      <c r="H149" s="3" t="s">
        <v>29</v>
      </c>
      <c r="I149" s="3" t="s">
        <v>929</v>
      </c>
      <c r="J149" s="3" t="s">
        <v>947</v>
      </c>
      <c r="K149" s="3" t="s">
        <v>32</v>
      </c>
      <c r="L149" s="3" t="s">
        <v>33</v>
      </c>
      <c r="M149" s="3" t="s">
        <v>931</v>
      </c>
      <c r="N149" s="3" t="s">
        <v>234</v>
      </c>
      <c r="O149" s="3" t="s">
        <v>154</v>
      </c>
      <c r="P149" s="3" t="s">
        <v>37</v>
      </c>
      <c r="Q149" s="3" t="s">
        <v>37</v>
      </c>
      <c r="R149" s="3" t="s">
        <v>39</v>
      </c>
      <c r="S149" s="3" t="s">
        <v>948</v>
      </c>
      <c r="T149" s="3" t="s">
        <v>37</v>
      </c>
      <c r="U149" s="3" t="s">
        <v>37</v>
      </c>
      <c r="V149" s="3" t="s">
        <v>37</v>
      </c>
    </row>
    <row r="150" spans="1:22" ht="14.45" customHeight="1" x14ac:dyDescent="0.25">
      <c r="A150" s="3" t="s">
        <v>904</v>
      </c>
      <c r="B150" s="4" t="s">
        <v>526</v>
      </c>
      <c r="C150" s="3" t="s">
        <v>527</v>
      </c>
      <c r="D150" s="5" t="s">
        <v>921</v>
      </c>
      <c r="E150" s="3" t="s">
        <v>927</v>
      </c>
      <c r="F150" s="3" t="s">
        <v>949</v>
      </c>
      <c r="G150" s="3" t="s">
        <v>72</v>
      </c>
      <c r="H150" s="3" t="s">
        <v>29</v>
      </c>
      <c r="I150" s="3" t="s">
        <v>929</v>
      </c>
      <c r="J150" s="7" t="s">
        <v>930</v>
      </c>
      <c r="K150" s="3" t="s">
        <v>32</v>
      </c>
      <c r="L150" s="3" t="s">
        <v>33</v>
      </c>
      <c r="M150" s="3" t="s">
        <v>931</v>
      </c>
      <c r="N150" s="3" t="s">
        <v>234</v>
      </c>
      <c r="O150" s="3" t="s">
        <v>154</v>
      </c>
      <c r="P150" s="3" t="s">
        <v>37</v>
      </c>
      <c r="Q150" s="3" t="s">
        <v>37</v>
      </c>
      <c r="R150" s="3" t="s">
        <v>39</v>
      </c>
      <c r="S150" s="3" t="s">
        <v>950</v>
      </c>
      <c r="T150" s="3" t="s">
        <v>37</v>
      </c>
      <c r="U150" s="3" t="s">
        <v>37</v>
      </c>
      <c r="V150" s="3" t="s">
        <v>37</v>
      </c>
    </row>
    <row r="151" spans="1:22" ht="14.45" customHeight="1" x14ac:dyDescent="0.25">
      <c r="A151" s="3" t="s">
        <v>904</v>
      </c>
      <c r="B151" s="4" t="s">
        <v>526</v>
      </c>
      <c r="C151" s="3" t="s">
        <v>527</v>
      </c>
      <c r="D151" s="5" t="s">
        <v>642</v>
      </c>
      <c r="E151" s="3" t="s">
        <v>927</v>
      </c>
      <c r="F151" s="3" t="s">
        <v>1318</v>
      </c>
      <c r="G151" s="3" t="s">
        <v>49</v>
      </c>
      <c r="H151" s="3" t="s">
        <v>29</v>
      </c>
      <c r="I151" s="3" t="s">
        <v>929</v>
      </c>
      <c r="J151" s="7" t="s">
        <v>930</v>
      </c>
      <c r="K151" s="3" t="s">
        <v>32</v>
      </c>
      <c r="L151" s="3" t="s">
        <v>33</v>
      </c>
      <c r="M151" s="3" t="s">
        <v>931</v>
      </c>
      <c r="N151" s="3" t="s">
        <v>234</v>
      </c>
      <c r="O151" s="3" t="s">
        <v>154</v>
      </c>
      <c r="P151" s="3" t="s">
        <v>37</v>
      </c>
      <c r="Q151" s="3" t="s">
        <v>37</v>
      </c>
      <c r="R151" s="3" t="s">
        <v>39</v>
      </c>
      <c r="S151" s="3" t="s">
        <v>1319</v>
      </c>
      <c r="T151" s="3" t="s">
        <v>37</v>
      </c>
      <c r="U151" s="3" t="s">
        <v>37</v>
      </c>
      <c r="V151" s="3" t="s">
        <v>37</v>
      </c>
    </row>
    <row r="152" spans="1:22" ht="14.45" customHeight="1" x14ac:dyDescent="0.25">
      <c r="A152" s="3" t="s">
        <v>904</v>
      </c>
      <c r="B152" s="4" t="s">
        <v>526</v>
      </c>
      <c r="C152" s="3" t="s">
        <v>527</v>
      </c>
      <c r="D152" s="5" t="s">
        <v>61</v>
      </c>
      <c r="E152" s="3" t="s">
        <v>927</v>
      </c>
      <c r="F152" s="3" t="s">
        <v>1320</v>
      </c>
      <c r="G152" s="3" t="s">
        <v>232</v>
      </c>
      <c r="H152" s="3" t="s">
        <v>29</v>
      </c>
      <c r="I152" s="3" t="s">
        <v>929</v>
      </c>
      <c r="J152" s="7" t="s">
        <v>930</v>
      </c>
      <c r="K152" s="3" t="s">
        <v>32</v>
      </c>
      <c r="L152" s="3" t="s">
        <v>33</v>
      </c>
      <c r="M152" s="3" t="s">
        <v>931</v>
      </c>
      <c r="N152" s="3" t="s">
        <v>234</v>
      </c>
      <c r="O152" s="3" t="s">
        <v>154</v>
      </c>
      <c r="P152" s="3" t="s">
        <v>37</v>
      </c>
      <c r="Q152" s="3" t="s">
        <v>37</v>
      </c>
      <c r="R152" s="3" t="s">
        <v>39</v>
      </c>
      <c r="S152" s="3" t="s">
        <v>1321</v>
      </c>
      <c r="T152" s="3" t="s">
        <v>37</v>
      </c>
      <c r="U152" s="3" t="s">
        <v>37</v>
      </c>
      <c r="V152" s="3" t="s">
        <v>37</v>
      </c>
    </row>
    <row r="153" spans="1:22" ht="14.45" customHeight="1" x14ac:dyDescent="0.25">
      <c r="A153" s="3" t="s">
        <v>904</v>
      </c>
      <c r="B153" s="4" t="s">
        <v>526</v>
      </c>
      <c r="C153" s="3" t="s">
        <v>527</v>
      </c>
      <c r="D153" s="5" t="s">
        <v>926</v>
      </c>
      <c r="E153" s="3" t="s">
        <v>495</v>
      </c>
      <c r="F153" s="3" t="s">
        <v>1322</v>
      </c>
      <c r="G153" s="3" t="s">
        <v>1323</v>
      </c>
      <c r="H153" s="3" t="s">
        <v>207</v>
      </c>
      <c r="I153" s="3" t="s">
        <v>37</v>
      </c>
      <c r="J153" s="8" t="s">
        <v>1021</v>
      </c>
      <c r="K153" s="3" t="s">
        <v>32</v>
      </c>
      <c r="L153" s="3" t="s">
        <v>33</v>
      </c>
      <c r="M153" s="3" t="s">
        <v>34</v>
      </c>
      <c r="N153" s="3" t="s">
        <v>234</v>
      </c>
      <c r="O153" s="3" t="s">
        <v>37</v>
      </c>
      <c r="P153" s="3" t="s">
        <v>37</v>
      </c>
      <c r="Q153" s="3" t="s">
        <v>37</v>
      </c>
      <c r="R153" s="3" t="s">
        <v>39</v>
      </c>
      <c r="S153" s="3" t="s">
        <v>1324</v>
      </c>
      <c r="T153" s="3"/>
      <c r="U153" s="3" t="s">
        <v>37</v>
      </c>
      <c r="V153" s="3" t="s">
        <v>37</v>
      </c>
    </row>
    <row r="154" spans="1:22" ht="14.45" customHeight="1" x14ac:dyDescent="0.25">
      <c r="A154" s="3" t="s">
        <v>904</v>
      </c>
      <c r="B154" s="4" t="s">
        <v>526</v>
      </c>
      <c r="C154" s="3" t="s">
        <v>527</v>
      </c>
      <c r="D154" s="5" t="s">
        <v>942</v>
      </c>
      <c r="E154" s="3" t="s">
        <v>922</v>
      </c>
      <c r="F154" s="3" t="s">
        <v>1325</v>
      </c>
      <c r="G154" s="3" t="s">
        <v>1326</v>
      </c>
      <c r="H154" s="3" t="s">
        <v>29</v>
      </c>
      <c r="I154" s="3" t="s">
        <v>37</v>
      </c>
      <c r="J154" s="8" t="s">
        <v>987</v>
      </c>
      <c r="K154" s="3" t="s">
        <v>32</v>
      </c>
      <c r="L154" s="3" t="s">
        <v>33</v>
      </c>
      <c r="M154" s="3" t="s">
        <v>74</v>
      </c>
      <c r="N154" s="3" t="s">
        <v>75</v>
      </c>
      <c r="O154" s="3" t="s">
        <v>53</v>
      </c>
      <c r="P154" s="3" t="s">
        <v>37</v>
      </c>
      <c r="Q154" s="3" t="s">
        <v>37</v>
      </c>
      <c r="R154" s="3" t="s">
        <v>39</v>
      </c>
      <c r="S154" s="3" t="s">
        <v>1327</v>
      </c>
      <c r="T154" s="3" t="s">
        <v>37</v>
      </c>
      <c r="U154" s="3" t="s">
        <v>37</v>
      </c>
      <c r="V154" s="3" t="s">
        <v>37</v>
      </c>
    </row>
    <row r="155" spans="1:22" ht="14.45" customHeight="1" x14ac:dyDescent="0.25">
      <c r="A155" s="3" t="s">
        <v>904</v>
      </c>
      <c r="B155" s="4" t="s">
        <v>526</v>
      </c>
      <c r="C155" s="3" t="s">
        <v>527</v>
      </c>
      <c r="D155" s="5" t="s">
        <v>951</v>
      </c>
      <c r="E155" s="3" t="s">
        <v>922</v>
      </c>
      <c r="F155" s="3" t="s">
        <v>986</v>
      </c>
      <c r="G155" s="3" t="s">
        <v>395</v>
      </c>
      <c r="H155" s="3" t="s">
        <v>29</v>
      </c>
      <c r="I155" s="3" t="s">
        <v>37</v>
      </c>
      <c r="J155" s="8" t="s">
        <v>987</v>
      </c>
      <c r="K155" s="3" t="s">
        <v>32</v>
      </c>
      <c r="L155" s="3" t="s">
        <v>33</v>
      </c>
      <c r="M155" s="3" t="s">
        <v>74</v>
      </c>
      <c r="N155" s="3" t="s">
        <v>75</v>
      </c>
      <c r="O155" s="3" t="s">
        <v>53</v>
      </c>
      <c r="P155" s="3" t="s">
        <v>37</v>
      </c>
      <c r="Q155" s="3" t="s">
        <v>37</v>
      </c>
      <c r="R155" s="3" t="s">
        <v>39</v>
      </c>
      <c r="S155" s="3" t="s">
        <v>988</v>
      </c>
      <c r="T155" s="3" t="s">
        <v>37</v>
      </c>
      <c r="U155" s="3" t="s">
        <v>37</v>
      </c>
      <c r="V155" s="3" t="s">
        <v>37</v>
      </c>
    </row>
    <row r="156" spans="1:22" ht="14.45" customHeight="1" x14ac:dyDescent="0.25">
      <c r="A156" s="3" t="s">
        <v>904</v>
      </c>
      <c r="B156" s="4" t="s">
        <v>526</v>
      </c>
      <c r="C156" s="3" t="s">
        <v>527</v>
      </c>
      <c r="D156" s="5" t="s">
        <v>956</v>
      </c>
      <c r="E156" s="3" t="s">
        <v>922</v>
      </c>
      <c r="F156" s="3" t="s">
        <v>1328</v>
      </c>
      <c r="G156" s="3" t="s">
        <v>122</v>
      </c>
      <c r="H156" s="3" t="s">
        <v>29</v>
      </c>
      <c r="I156" s="3" t="s">
        <v>37</v>
      </c>
      <c r="J156" s="8" t="s">
        <v>987</v>
      </c>
      <c r="K156" s="3" t="s">
        <v>32</v>
      </c>
      <c r="L156" s="3" t="s">
        <v>33</v>
      </c>
      <c r="M156" s="3" t="s">
        <v>74</v>
      </c>
      <c r="N156" s="3" t="s">
        <v>75</v>
      </c>
      <c r="O156" s="3" t="s">
        <v>53</v>
      </c>
      <c r="P156" s="3" t="s">
        <v>37</v>
      </c>
      <c r="Q156" s="3" t="s">
        <v>37</v>
      </c>
      <c r="R156" s="3" t="s">
        <v>39</v>
      </c>
      <c r="S156" s="3" t="s">
        <v>1329</v>
      </c>
      <c r="T156" s="3" t="s">
        <v>37</v>
      </c>
      <c r="U156" s="3" t="s">
        <v>37</v>
      </c>
      <c r="V156" s="3" t="s">
        <v>37</v>
      </c>
    </row>
    <row r="157" spans="1:22" ht="14.45" customHeight="1" x14ac:dyDescent="0.25">
      <c r="A157" s="3" t="s">
        <v>904</v>
      </c>
      <c r="B157" s="4" t="s">
        <v>526</v>
      </c>
      <c r="C157" s="3" t="s">
        <v>527</v>
      </c>
      <c r="D157" s="5" t="s">
        <v>960</v>
      </c>
      <c r="E157" s="3" t="s">
        <v>1024</v>
      </c>
      <c r="F157" s="3" t="s">
        <v>1330</v>
      </c>
      <c r="G157" s="3" t="s">
        <v>145</v>
      </c>
      <c r="H157" s="3" t="s">
        <v>29</v>
      </c>
      <c r="I157" s="3" t="s">
        <v>1331</v>
      </c>
      <c r="J157" s="3" t="s">
        <v>1332</v>
      </c>
      <c r="K157" s="3" t="s">
        <v>32</v>
      </c>
      <c r="L157" s="3" t="s">
        <v>33</v>
      </c>
      <c r="M157" s="3" t="s">
        <v>74</v>
      </c>
      <c r="N157" s="3" t="s">
        <v>52</v>
      </c>
      <c r="O157" s="3" t="s">
        <v>53</v>
      </c>
      <c r="P157" s="3" t="s">
        <v>37</v>
      </c>
      <c r="Q157" s="3" t="s">
        <v>37</v>
      </c>
      <c r="R157" s="3" t="s">
        <v>39</v>
      </c>
      <c r="S157" s="3" t="s">
        <v>1333</v>
      </c>
      <c r="T157" s="3" t="s">
        <v>37</v>
      </c>
      <c r="U157" s="3" t="s">
        <v>37</v>
      </c>
      <c r="V157" s="3" t="s">
        <v>37</v>
      </c>
    </row>
    <row r="158" spans="1:22" ht="14.45" customHeight="1" x14ac:dyDescent="0.25">
      <c r="A158" s="3" t="s">
        <v>904</v>
      </c>
      <c r="B158" s="4" t="s">
        <v>526</v>
      </c>
      <c r="C158" s="3" t="s">
        <v>527</v>
      </c>
      <c r="D158" s="5" t="s">
        <v>965</v>
      </c>
      <c r="E158" s="3" t="s">
        <v>1211</v>
      </c>
      <c r="F158" s="3" t="s">
        <v>1334</v>
      </c>
      <c r="G158" s="3" t="s">
        <v>49</v>
      </c>
      <c r="H158" s="3" t="s">
        <v>29</v>
      </c>
      <c r="I158" s="3" t="s">
        <v>1213</v>
      </c>
      <c r="J158" s="3" t="s">
        <v>1335</v>
      </c>
      <c r="K158" s="3" t="s">
        <v>32</v>
      </c>
      <c r="L158" s="3" t="s">
        <v>33</v>
      </c>
      <c r="M158" s="3" t="s">
        <v>74</v>
      </c>
      <c r="N158" s="3" t="s">
        <v>153</v>
      </c>
      <c r="O158" s="3" t="s">
        <v>105</v>
      </c>
      <c r="P158" s="3" t="s">
        <v>37</v>
      </c>
      <c r="Q158" s="3" t="s">
        <v>37</v>
      </c>
      <c r="R158" s="3" t="s">
        <v>39</v>
      </c>
      <c r="S158" s="3" t="s">
        <v>1336</v>
      </c>
      <c r="T158" s="3" t="s">
        <v>37</v>
      </c>
      <c r="U158" s="3" t="s">
        <v>37</v>
      </c>
      <c r="V158" s="3" t="s">
        <v>37</v>
      </c>
    </row>
    <row r="159" spans="1:22" ht="14.45" customHeight="1" x14ac:dyDescent="0.25">
      <c r="A159" s="3" t="s">
        <v>904</v>
      </c>
      <c r="B159" s="4" t="s">
        <v>526</v>
      </c>
      <c r="C159" s="3" t="s">
        <v>527</v>
      </c>
      <c r="D159" s="5" t="s">
        <v>969</v>
      </c>
      <c r="E159" s="3" t="s">
        <v>1211</v>
      </c>
      <c r="F159" s="3" t="s">
        <v>1337</v>
      </c>
      <c r="G159" s="3" t="s">
        <v>232</v>
      </c>
      <c r="H159" s="3" t="s">
        <v>29</v>
      </c>
      <c r="I159" s="3" t="s">
        <v>1213</v>
      </c>
      <c r="J159" s="3" t="s">
        <v>1338</v>
      </c>
      <c r="K159" s="3" t="s">
        <v>32</v>
      </c>
      <c r="L159" s="3" t="s">
        <v>33</v>
      </c>
      <c r="M159" s="3" t="s">
        <v>74</v>
      </c>
      <c r="N159" s="3" t="s">
        <v>153</v>
      </c>
      <c r="O159" s="3" t="s">
        <v>105</v>
      </c>
      <c r="P159" s="3" t="s">
        <v>37</v>
      </c>
      <c r="Q159" s="3" t="s">
        <v>37</v>
      </c>
      <c r="R159" s="3" t="s">
        <v>39</v>
      </c>
      <c r="S159" s="3" t="s">
        <v>1339</v>
      </c>
      <c r="T159" s="3" t="s">
        <v>37</v>
      </c>
      <c r="U159" s="3" t="s">
        <v>37</v>
      </c>
      <c r="V159" s="3" t="s">
        <v>37</v>
      </c>
    </row>
    <row r="160" spans="1:22" ht="14.45" customHeight="1" x14ac:dyDescent="0.25">
      <c r="A160" s="3" t="s">
        <v>904</v>
      </c>
      <c r="B160" s="4" t="s">
        <v>526</v>
      </c>
      <c r="C160" s="3" t="s">
        <v>527</v>
      </c>
      <c r="D160" s="5" t="s">
        <v>1219</v>
      </c>
      <c r="E160" s="3" t="s">
        <v>495</v>
      </c>
      <c r="F160" s="3" t="s">
        <v>1340</v>
      </c>
      <c r="G160" s="3" t="s">
        <v>359</v>
      </c>
      <c r="H160" s="3" t="s">
        <v>29</v>
      </c>
      <c r="I160" s="3" t="s">
        <v>1074</v>
      </c>
      <c r="J160" s="3" t="s">
        <v>1341</v>
      </c>
      <c r="K160" s="3" t="s">
        <v>32</v>
      </c>
      <c r="L160" s="3" t="s">
        <v>1068</v>
      </c>
      <c r="M160" s="3" t="s">
        <v>34</v>
      </c>
      <c r="N160" s="3" t="s">
        <v>52</v>
      </c>
      <c r="O160" s="3" t="s">
        <v>105</v>
      </c>
      <c r="P160" s="3" t="s">
        <v>37</v>
      </c>
      <c r="Q160" s="3" t="s">
        <v>37</v>
      </c>
      <c r="R160" s="3" t="s">
        <v>39</v>
      </c>
      <c r="S160" s="3" t="s">
        <v>1342</v>
      </c>
      <c r="T160" s="3" t="s">
        <v>37</v>
      </c>
      <c r="U160" s="3" t="s">
        <v>37</v>
      </c>
      <c r="V160" s="3" t="s">
        <v>37</v>
      </c>
    </row>
    <row r="161" spans="1:22" ht="14.45" customHeight="1" x14ac:dyDescent="0.25">
      <c r="A161" s="3" t="s">
        <v>904</v>
      </c>
      <c r="B161" s="4" t="s">
        <v>526</v>
      </c>
      <c r="C161" s="3" t="s">
        <v>527</v>
      </c>
      <c r="D161" s="5" t="s">
        <v>975</v>
      </c>
      <c r="E161" s="3" t="s">
        <v>495</v>
      </c>
      <c r="F161" s="3" t="s">
        <v>1343</v>
      </c>
      <c r="G161" s="3" t="s">
        <v>72</v>
      </c>
      <c r="H161" s="3" t="s">
        <v>29</v>
      </c>
      <c r="I161" s="3" t="s">
        <v>1344</v>
      </c>
      <c r="J161" s="3" t="s">
        <v>1345</v>
      </c>
      <c r="K161" s="3" t="s">
        <v>32</v>
      </c>
      <c r="L161" s="3" t="s">
        <v>1068</v>
      </c>
      <c r="M161" s="3" t="s">
        <v>34</v>
      </c>
      <c r="N161" s="3" t="s">
        <v>52</v>
      </c>
      <c r="O161" s="3" t="s">
        <v>105</v>
      </c>
      <c r="P161" s="3" t="s">
        <v>37</v>
      </c>
      <c r="Q161" s="3" t="s">
        <v>37</v>
      </c>
      <c r="R161" s="3" t="s">
        <v>39</v>
      </c>
      <c r="S161" s="3" t="s">
        <v>1346</v>
      </c>
      <c r="T161" s="3" t="s">
        <v>37</v>
      </c>
      <c r="U161" s="3" t="s">
        <v>37</v>
      </c>
      <c r="V161" s="3" t="s">
        <v>37</v>
      </c>
    </row>
    <row r="162" spans="1:22" ht="14.45" customHeight="1" x14ac:dyDescent="0.25">
      <c r="A162" s="3" t="s">
        <v>904</v>
      </c>
      <c r="B162" s="4" t="s">
        <v>526</v>
      </c>
      <c r="C162" s="3" t="s">
        <v>527</v>
      </c>
      <c r="D162" s="5" t="s">
        <v>979</v>
      </c>
      <c r="E162" s="3" t="s">
        <v>495</v>
      </c>
      <c r="F162" s="3" t="s">
        <v>1347</v>
      </c>
      <c r="G162" s="3" t="s">
        <v>49</v>
      </c>
      <c r="H162" s="3" t="s">
        <v>29</v>
      </c>
      <c r="I162" s="3" t="s">
        <v>1348</v>
      </c>
      <c r="J162" s="3" t="s">
        <v>1349</v>
      </c>
      <c r="K162" s="3" t="s">
        <v>32</v>
      </c>
      <c r="L162" s="3" t="s">
        <v>1068</v>
      </c>
      <c r="M162" s="3" t="s">
        <v>34</v>
      </c>
      <c r="N162" s="3" t="s">
        <v>52</v>
      </c>
      <c r="O162" s="3" t="s">
        <v>105</v>
      </c>
      <c r="P162" s="3" t="s">
        <v>37</v>
      </c>
      <c r="Q162" s="3" t="s">
        <v>37</v>
      </c>
      <c r="R162" s="3" t="s">
        <v>39</v>
      </c>
      <c r="S162" s="3" t="s">
        <v>1350</v>
      </c>
      <c r="T162" s="3" t="s">
        <v>37</v>
      </c>
      <c r="U162" s="3" t="s">
        <v>37</v>
      </c>
      <c r="V162" s="3" t="s">
        <v>37</v>
      </c>
    </row>
    <row r="163" spans="1:22" ht="14.45" customHeight="1" x14ac:dyDescent="0.25">
      <c r="A163" s="3" t="s">
        <v>904</v>
      </c>
      <c r="B163" s="4" t="s">
        <v>526</v>
      </c>
      <c r="C163" s="3" t="s">
        <v>527</v>
      </c>
      <c r="D163" s="5" t="s">
        <v>120</v>
      </c>
      <c r="E163" s="3" t="s">
        <v>1226</v>
      </c>
      <c r="F163" s="3" t="s">
        <v>1351</v>
      </c>
      <c r="G163" s="3" t="s">
        <v>72</v>
      </c>
      <c r="H163" s="3" t="s">
        <v>29</v>
      </c>
      <c r="I163" s="3" t="s">
        <v>1228</v>
      </c>
      <c r="J163" s="3" t="s">
        <v>1352</v>
      </c>
      <c r="K163" s="3" t="s">
        <v>32</v>
      </c>
      <c r="L163" s="3" t="s">
        <v>33</v>
      </c>
      <c r="M163" s="3" t="s">
        <v>74</v>
      </c>
      <c r="N163" s="3" t="s">
        <v>75</v>
      </c>
      <c r="O163" s="3" t="s">
        <v>36</v>
      </c>
      <c r="P163" s="3" t="s">
        <v>37</v>
      </c>
      <c r="Q163" s="3" t="s">
        <v>37</v>
      </c>
      <c r="R163" s="3" t="s">
        <v>39</v>
      </c>
      <c r="S163" s="3" t="s">
        <v>1353</v>
      </c>
      <c r="T163" s="3" t="s">
        <v>37</v>
      </c>
      <c r="U163" s="3" t="s">
        <v>37</v>
      </c>
      <c r="V163" s="3" t="s">
        <v>37</v>
      </c>
    </row>
    <row r="164" spans="1:22" ht="14.45" customHeight="1" x14ac:dyDescent="0.25">
      <c r="A164" s="3" t="s">
        <v>904</v>
      </c>
      <c r="B164" s="4" t="s">
        <v>526</v>
      </c>
      <c r="C164" s="3" t="s">
        <v>527</v>
      </c>
      <c r="D164" s="5" t="s">
        <v>466</v>
      </c>
      <c r="E164" s="3" t="s">
        <v>1226</v>
      </c>
      <c r="F164" s="3" t="s">
        <v>1354</v>
      </c>
      <c r="G164" s="3" t="s">
        <v>49</v>
      </c>
      <c r="H164" s="3" t="s">
        <v>29</v>
      </c>
      <c r="I164" s="3" t="s">
        <v>1228</v>
      </c>
      <c r="J164" s="3" t="s">
        <v>1355</v>
      </c>
      <c r="K164" s="3" t="s">
        <v>32</v>
      </c>
      <c r="L164" s="3" t="s">
        <v>33</v>
      </c>
      <c r="M164" s="3" t="s">
        <v>74</v>
      </c>
      <c r="N164" s="3" t="s">
        <v>75</v>
      </c>
      <c r="O164" s="3" t="s">
        <v>36</v>
      </c>
      <c r="P164" s="3" t="s">
        <v>37</v>
      </c>
      <c r="Q164" s="3" t="s">
        <v>37</v>
      </c>
      <c r="R164" s="3" t="s">
        <v>39</v>
      </c>
      <c r="S164" s="3" t="s">
        <v>1356</v>
      </c>
      <c r="T164" s="3" t="s">
        <v>37</v>
      </c>
      <c r="U164" s="3" t="s">
        <v>37</v>
      </c>
      <c r="V164" s="3" t="s">
        <v>37</v>
      </c>
    </row>
    <row r="165" spans="1:22" ht="14.45" customHeight="1" x14ac:dyDescent="0.25">
      <c r="A165" s="3" t="s">
        <v>904</v>
      </c>
      <c r="B165" s="4" t="s">
        <v>526</v>
      </c>
      <c r="C165" s="3" t="s">
        <v>527</v>
      </c>
      <c r="D165" s="5" t="s">
        <v>129</v>
      </c>
      <c r="E165" s="3" t="s">
        <v>927</v>
      </c>
      <c r="F165" s="3" t="s">
        <v>1357</v>
      </c>
      <c r="G165" s="3" t="s">
        <v>1326</v>
      </c>
      <c r="H165" s="3" t="s">
        <v>29</v>
      </c>
      <c r="I165" s="3" t="s">
        <v>929</v>
      </c>
      <c r="J165" s="3" t="s">
        <v>1358</v>
      </c>
      <c r="K165" s="3" t="s">
        <v>32</v>
      </c>
      <c r="L165" s="3" t="s">
        <v>33</v>
      </c>
      <c r="M165" s="3" t="s">
        <v>931</v>
      </c>
      <c r="N165" s="3" t="s">
        <v>234</v>
      </c>
      <c r="O165" s="3" t="s">
        <v>154</v>
      </c>
      <c r="P165" s="3" t="s">
        <v>37</v>
      </c>
      <c r="Q165" s="3" t="s">
        <v>37</v>
      </c>
      <c r="R165" s="3" t="s">
        <v>39</v>
      </c>
      <c r="S165" s="3" t="s">
        <v>1359</v>
      </c>
      <c r="T165" s="3" t="s">
        <v>37</v>
      </c>
      <c r="U165" s="3" t="s">
        <v>37</v>
      </c>
      <c r="V165" s="3" t="s">
        <v>37</v>
      </c>
    </row>
    <row r="166" spans="1:22" ht="14.45" customHeight="1" x14ac:dyDescent="0.25">
      <c r="A166" s="3" t="s">
        <v>904</v>
      </c>
      <c r="B166" s="4" t="s">
        <v>526</v>
      </c>
      <c r="C166" s="3" t="s">
        <v>527</v>
      </c>
      <c r="D166" s="5" t="s">
        <v>680</v>
      </c>
      <c r="E166" s="3" t="s">
        <v>927</v>
      </c>
      <c r="F166" s="3" t="s">
        <v>1083</v>
      </c>
      <c r="G166" s="3" t="s">
        <v>43</v>
      </c>
      <c r="H166" s="3" t="s">
        <v>29</v>
      </c>
      <c r="I166" s="3" t="s">
        <v>936</v>
      </c>
      <c r="J166" s="7" t="s">
        <v>930</v>
      </c>
      <c r="K166" s="3" t="s">
        <v>32</v>
      </c>
      <c r="L166" s="3" t="s">
        <v>33</v>
      </c>
      <c r="M166" s="3" t="s">
        <v>931</v>
      </c>
      <c r="N166" s="3" t="s">
        <v>234</v>
      </c>
      <c r="O166" s="3" t="s">
        <v>154</v>
      </c>
      <c r="P166" s="3" t="s">
        <v>37</v>
      </c>
      <c r="Q166" s="3" t="s">
        <v>37</v>
      </c>
      <c r="R166" s="3" t="s">
        <v>39</v>
      </c>
      <c r="S166" s="3" t="s">
        <v>1084</v>
      </c>
      <c r="T166" s="3" t="s">
        <v>37</v>
      </c>
      <c r="U166" s="3" t="s">
        <v>37</v>
      </c>
      <c r="V166" s="3" t="s">
        <v>37</v>
      </c>
    </row>
    <row r="167" spans="1:22" ht="14.45" customHeight="1" x14ac:dyDescent="0.25">
      <c r="A167" s="3" t="s">
        <v>904</v>
      </c>
      <c r="B167" s="4" t="s">
        <v>526</v>
      </c>
      <c r="C167" s="3" t="s">
        <v>527</v>
      </c>
      <c r="D167" s="5" t="s">
        <v>1239</v>
      </c>
      <c r="E167" s="3" t="s">
        <v>927</v>
      </c>
      <c r="F167" s="3" t="s">
        <v>1004</v>
      </c>
      <c r="G167" s="3" t="s">
        <v>395</v>
      </c>
      <c r="H167" s="3" t="s">
        <v>29</v>
      </c>
      <c r="I167" s="3" t="s">
        <v>936</v>
      </c>
      <c r="J167" s="3" t="s">
        <v>1005</v>
      </c>
      <c r="K167" s="3" t="s">
        <v>32</v>
      </c>
      <c r="L167" s="3" t="s">
        <v>33</v>
      </c>
      <c r="M167" s="3" t="s">
        <v>931</v>
      </c>
      <c r="N167" s="3" t="s">
        <v>234</v>
      </c>
      <c r="O167" s="3" t="s">
        <v>154</v>
      </c>
      <c r="P167" s="3" t="s">
        <v>37</v>
      </c>
      <c r="Q167" s="3" t="s">
        <v>37</v>
      </c>
      <c r="R167" s="3" t="s">
        <v>39</v>
      </c>
      <c r="S167" s="3" t="s">
        <v>1006</v>
      </c>
      <c r="T167" s="3" t="s">
        <v>37</v>
      </c>
      <c r="U167" s="3" t="s">
        <v>37</v>
      </c>
      <c r="V167" s="3" t="s">
        <v>37</v>
      </c>
    </row>
    <row r="168" spans="1:22" ht="14.45" customHeight="1" x14ac:dyDescent="0.25">
      <c r="A168" s="3" t="s">
        <v>904</v>
      </c>
      <c r="B168" s="4" t="s">
        <v>526</v>
      </c>
      <c r="C168" s="3" t="s">
        <v>527</v>
      </c>
      <c r="D168" s="5" t="s">
        <v>992</v>
      </c>
      <c r="E168" s="3" t="s">
        <v>927</v>
      </c>
      <c r="F168" s="3" t="s">
        <v>1085</v>
      </c>
      <c r="G168" s="3" t="s">
        <v>133</v>
      </c>
      <c r="H168" s="3" t="s">
        <v>29</v>
      </c>
      <c r="I168" s="3" t="s">
        <v>929</v>
      </c>
      <c r="J168" s="3" t="s">
        <v>1086</v>
      </c>
      <c r="K168" s="3" t="s">
        <v>32</v>
      </c>
      <c r="L168" s="3" t="s">
        <v>33</v>
      </c>
      <c r="M168" s="3" t="s">
        <v>931</v>
      </c>
      <c r="N168" s="3" t="s">
        <v>234</v>
      </c>
      <c r="O168" s="3" t="s">
        <v>154</v>
      </c>
      <c r="P168" s="3" t="s">
        <v>37</v>
      </c>
      <c r="Q168" s="3" t="s">
        <v>37</v>
      </c>
      <c r="R168" s="3" t="s">
        <v>39</v>
      </c>
      <c r="S168" s="3" t="s">
        <v>1087</v>
      </c>
      <c r="T168" s="3" t="s">
        <v>37</v>
      </c>
      <c r="U168" s="3" t="s">
        <v>37</v>
      </c>
      <c r="V168" s="3" t="s">
        <v>37</v>
      </c>
    </row>
    <row r="169" spans="1:22" ht="14.45" customHeight="1" x14ac:dyDescent="0.25">
      <c r="A169" s="3" t="s">
        <v>904</v>
      </c>
      <c r="B169" s="4" t="s">
        <v>526</v>
      </c>
      <c r="C169" s="3" t="s">
        <v>527</v>
      </c>
      <c r="D169" s="5" t="s">
        <v>1244</v>
      </c>
      <c r="E169" s="3" t="s">
        <v>927</v>
      </c>
      <c r="F169" s="3" t="s">
        <v>1088</v>
      </c>
      <c r="G169" s="3" t="s">
        <v>145</v>
      </c>
      <c r="H169" s="3" t="s">
        <v>29</v>
      </c>
      <c r="I169" s="3" t="s">
        <v>936</v>
      </c>
      <c r="J169" s="3" t="s">
        <v>1089</v>
      </c>
      <c r="K169" s="3" t="s">
        <v>32</v>
      </c>
      <c r="L169" s="3" t="s">
        <v>33</v>
      </c>
      <c r="M169" s="3" t="s">
        <v>931</v>
      </c>
      <c r="N169" s="3" t="s">
        <v>234</v>
      </c>
      <c r="O169" s="3" t="s">
        <v>154</v>
      </c>
      <c r="P169" s="3" t="s">
        <v>37</v>
      </c>
      <c r="Q169" s="3" t="s">
        <v>37</v>
      </c>
      <c r="R169" s="3" t="s">
        <v>39</v>
      </c>
      <c r="S169" s="3" t="s">
        <v>1090</v>
      </c>
      <c r="T169" s="3" t="s">
        <v>37</v>
      </c>
      <c r="U169" s="3" t="s">
        <v>37</v>
      </c>
      <c r="V169" s="3" t="s">
        <v>37</v>
      </c>
    </row>
    <row r="170" spans="1:22" ht="14.45" customHeight="1" x14ac:dyDescent="0.25">
      <c r="A170" s="3" t="s">
        <v>904</v>
      </c>
      <c r="B170" s="4" t="s">
        <v>526</v>
      </c>
      <c r="C170" s="3" t="s">
        <v>527</v>
      </c>
      <c r="D170" s="5" t="s">
        <v>143</v>
      </c>
      <c r="E170" s="3" t="s">
        <v>927</v>
      </c>
      <c r="F170" s="3" t="s">
        <v>1091</v>
      </c>
      <c r="G170" s="3" t="s">
        <v>309</v>
      </c>
      <c r="H170" s="3" t="s">
        <v>29</v>
      </c>
      <c r="I170" s="3" t="s">
        <v>929</v>
      </c>
      <c r="J170" s="7" t="s">
        <v>930</v>
      </c>
      <c r="K170" s="3" t="s">
        <v>32</v>
      </c>
      <c r="L170" s="3" t="s">
        <v>33</v>
      </c>
      <c r="M170" s="3" t="s">
        <v>931</v>
      </c>
      <c r="N170" s="3" t="s">
        <v>234</v>
      </c>
      <c r="O170" s="3" t="s">
        <v>154</v>
      </c>
      <c r="P170" s="3" t="s">
        <v>37</v>
      </c>
      <c r="Q170" s="3" t="s">
        <v>37</v>
      </c>
      <c r="R170" s="3" t="s">
        <v>39</v>
      </c>
      <c r="S170" s="3" t="s">
        <v>1092</v>
      </c>
      <c r="T170" s="3" t="s">
        <v>37</v>
      </c>
      <c r="U170" s="3" t="s">
        <v>37</v>
      </c>
      <c r="V170" s="3" t="s">
        <v>37</v>
      </c>
    </row>
    <row r="171" spans="1:22" ht="14.45" customHeight="1" x14ac:dyDescent="0.25">
      <c r="A171" s="3" t="s">
        <v>904</v>
      </c>
      <c r="B171" s="4" t="s">
        <v>526</v>
      </c>
      <c r="C171" s="3" t="s">
        <v>527</v>
      </c>
      <c r="D171" s="5" t="s">
        <v>148</v>
      </c>
      <c r="E171" s="3" t="s">
        <v>1028</v>
      </c>
      <c r="F171" s="3" t="s">
        <v>1360</v>
      </c>
      <c r="G171" s="3" t="s">
        <v>302</v>
      </c>
      <c r="H171" s="3" t="s">
        <v>133</v>
      </c>
      <c r="I171" s="3" t="s">
        <v>37</v>
      </c>
      <c r="J171" s="3" t="s">
        <v>1361</v>
      </c>
      <c r="K171" s="3" t="s">
        <v>32</v>
      </c>
      <c r="L171" s="3" t="s">
        <v>33</v>
      </c>
      <c r="M171" s="3" t="s">
        <v>74</v>
      </c>
      <c r="N171" s="3" t="s">
        <v>35</v>
      </c>
      <c r="O171" s="3" t="s">
        <v>36</v>
      </c>
      <c r="P171" s="3" t="s">
        <v>37</v>
      </c>
      <c r="Q171" s="3" t="s">
        <v>37</v>
      </c>
      <c r="R171" s="3" t="s">
        <v>39</v>
      </c>
      <c r="S171" s="3" t="s">
        <v>1362</v>
      </c>
      <c r="T171" s="3" t="s">
        <v>37</v>
      </c>
      <c r="U171" s="3" t="s">
        <v>37</v>
      </c>
      <c r="V171" s="3" t="s">
        <v>37</v>
      </c>
    </row>
    <row r="172" spans="1:22" ht="14.45" customHeight="1" x14ac:dyDescent="0.25">
      <c r="A172" s="3" t="s">
        <v>904</v>
      </c>
      <c r="B172" s="4" t="s">
        <v>526</v>
      </c>
      <c r="C172" s="3" t="s">
        <v>527</v>
      </c>
      <c r="D172" s="5" t="s">
        <v>160</v>
      </c>
      <c r="E172" s="3" t="s">
        <v>495</v>
      </c>
      <c r="F172" s="3" t="s">
        <v>1363</v>
      </c>
      <c r="G172" s="3" t="s">
        <v>132</v>
      </c>
      <c r="H172" s="3" t="s">
        <v>133</v>
      </c>
      <c r="I172" s="3" t="s">
        <v>497</v>
      </c>
      <c r="J172" s="3" t="s">
        <v>1364</v>
      </c>
      <c r="K172" s="3" t="s">
        <v>32</v>
      </c>
      <c r="L172" s="3" t="s">
        <v>37</v>
      </c>
      <c r="M172" s="3" t="s">
        <v>34</v>
      </c>
      <c r="N172" s="3" t="s">
        <v>153</v>
      </c>
      <c r="O172" s="3" t="s">
        <v>105</v>
      </c>
      <c r="P172" s="3" t="s">
        <v>37</v>
      </c>
      <c r="Q172" s="3" t="s">
        <v>37</v>
      </c>
      <c r="R172" s="3" t="s">
        <v>39</v>
      </c>
      <c r="S172" s="3" t="s">
        <v>1365</v>
      </c>
      <c r="T172" s="3" t="s">
        <v>37</v>
      </c>
      <c r="U172" s="3" t="s">
        <v>37</v>
      </c>
      <c r="V172" s="3" t="s">
        <v>37</v>
      </c>
    </row>
    <row r="173" spans="1:22" ht="14.45" customHeight="1" x14ac:dyDescent="0.25">
      <c r="A173" s="3" t="s">
        <v>904</v>
      </c>
      <c r="B173" s="4" t="s">
        <v>526</v>
      </c>
      <c r="C173" s="3" t="s">
        <v>527</v>
      </c>
      <c r="D173" s="5" t="s">
        <v>1003</v>
      </c>
      <c r="E173" s="3" t="s">
        <v>927</v>
      </c>
      <c r="F173" s="3" t="s">
        <v>1366</v>
      </c>
      <c r="G173" s="3" t="s">
        <v>226</v>
      </c>
      <c r="H173" s="3" t="s">
        <v>29</v>
      </c>
      <c r="I173" s="3" t="s">
        <v>929</v>
      </c>
      <c r="J173" s="7" t="s">
        <v>930</v>
      </c>
      <c r="K173" s="3" t="s">
        <v>32</v>
      </c>
      <c r="L173" s="3" t="s">
        <v>33</v>
      </c>
      <c r="M173" s="3" t="s">
        <v>931</v>
      </c>
      <c r="N173" s="3" t="s">
        <v>234</v>
      </c>
      <c r="O173" s="3" t="s">
        <v>154</v>
      </c>
      <c r="P173" s="3" t="s">
        <v>37</v>
      </c>
      <c r="Q173" s="3" t="s">
        <v>37</v>
      </c>
      <c r="R173" s="3" t="s">
        <v>39</v>
      </c>
      <c r="S173" s="3" t="s">
        <v>1367</v>
      </c>
      <c r="T173" s="3" t="s">
        <v>282</v>
      </c>
      <c r="U173" s="3" t="s">
        <v>37</v>
      </c>
      <c r="V173" s="3" t="s">
        <v>37</v>
      </c>
    </row>
    <row r="174" spans="1:22" ht="14.45" customHeight="1" x14ac:dyDescent="0.25">
      <c r="A174" s="3" t="s">
        <v>904</v>
      </c>
      <c r="B174" s="4" t="s">
        <v>526</v>
      </c>
      <c r="C174" s="3" t="s">
        <v>527</v>
      </c>
      <c r="D174" s="5" t="s">
        <v>171</v>
      </c>
      <c r="E174" s="3" t="s">
        <v>927</v>
      </c>
      <c r="F174" s="3" t="s">
        <v>1368</v>
      </c>
      <c r="G174" s="3" t="s">
        <v>28</v>
      </c>
      <c r="H174" s="3" t="s">
        <v>29</v>
      </c>
      <c r="I174" s="3" t="s">
        <v>929</v>
      </c>
      <c r="J174" s="7" t="s">
        <v>930</v>
      </c>
      <c r="K174" s="3" t="s">
        <v>32</v>
      </c>
      <c r="L174" s="3" t="s">
        <v>33</v>
      </c>
      <c r="M174" s="3" t="s">
        <v>931</v>
      </c>
      <c r="N174" s="3" t="s">
        <v>234</v>
      </c>
      <c r="O174" s="3" t="s">
        <v>154</v>
      </c>
      <c r="P174" s="3" t="s">
        <v>37</v>
      </c>
      <c r="Q174" s="3" t="s">
        <v>37</v>
      </c>
      <c r="R174" s="3" t="s">
        <v>39</v>
      </c>
      <c r="S174" s="3" t="s">
        <v>1369</v>
      </c>
      <c r="T174" s="3" t="s">
        <v>282</v>
      </c>
      <c r="U174" s="3" t="s">
        <v>37</v>
      </c>
      <c r="V174" s="3" t="s">
        <v>37</v>
      </c>
    </row>
    <row r="175" spans="1:22" ht="14.45" customHeight="1" x14ac:dyDescent="0.25">
      <c r="A175" s="3" t="s">
        <v>904</v>
      </c>
      <c r="B175" s="4" t="s">
        <v>526</v>
      </c>
      <c r="C175" s="3" t="s">
        <v>527</v>
      </c>
      <c r="D175" s="5" t="s">
        <v>1010</v>
      </c>
      <c r="E175" s="3" t="s">
        <v>927</v>
      </c>
      <c r="F175" s="3" t="s">
        <v>1262</v>
      </c>
      <c r="G175" s="3" t="s">
        <v>855</v>
      </c>
      <c r="H175" s="3" t="s">
        <v>29</v>
      </c>
      <c r="I175" s="3" t="s">
        <v>929</v>
      </c>
      <c r="J175" s="7" t="s">
        <v>930</v>
      </c>
      <c r="K175" s="3" t="s">
        <v>32</v>
      </c>
      <c r="L175" s="3" t="s">
        <v>33</v>
      </c>
      <c r="M175" s="3" t="s">
        <v>931</v>
      </c>
      <c r="N175" s="3" t="s">
        <v>234</v>
      </c>
      <c r="O175" s="3" t="s">
        <v>154</v>
      </c>
      <c r="P175" s="3" t="s">
        <v>37</v>
      </c>
      <c r="Q175" s="3" t="s">
        <v>37</v>
      </c>
      <c r="R175" s="3" t="s">
        <v>39</v>
      </c>
      <c r="S175" s="3" t="s">
        <v>1263</v>
      </c>
      <c r="T175" s="3" t="s">
        <v>37</v>
      </c>
      <c r="U175" s="3" t="s">
        <v>37</v>
      </c>
      <c r="V175" s="3" t="s">
        <v>37</v>
      </c>
    </row>
    <row r="176" spans="1:22" ht="14.45" customHeight="1" x14ac:dyDescent="0.25">
      <c r="A176" s="3" t="s">
        <v>904</v>
      </c>
      <c r="B176" s="4" t="s">
        <v>526</v>
      </c>
      <c r="C176" s="3" t="s">
        <v>527</v>
      </c>
      <c r="D176" s="5" t="s">
        <v>1014</v>
      </c>
      <c r="E176" s="3" t="s">
        <v>996</v>
      </c>
      <c r="F176" s="3" t="s">
        <v>1370</v>
      </c>
      <c r="G176" s="3" t="s">
        <v>395</v>
      </c>
      <c r="H176" s="3" t="s">
        <v>29</v>
      </c>
      <c r="I176" s="3" t="s">
        <v>37</v>
      </c>
      <c r="J176" s="3" t="s">
        <v>1371</v>
      </c>
      <c r="K176" s="3" t="s">
        <v>32</v>
      </c>
      <c r="L176" s="3" t="s">
        <v>33</v>
      </c>
      <c r="M176" s="3" t="s">
        <v>74</v>
      </c>
      <c r="N176" s="3" t="s">
        <v>153</v>
      </c>
      <c r="O176" s="3" t="s">
        <v>105</v>
      </c>
      <c r="P176" s="3" t="s">
        <v>37</v>
      </c>
      <c r="Q176" s="3" t="s">
        <v>37</v>
      </c>
      <c r="R176" s="3" t="s">
        <v>39</v>
      </c>
      <c r="S176" s="3" t="s">
        <v>1372</v>
      </c>
      <c r="T176" s="3" t="s">
        <v>37</v>
      </c>
      <c r="U176" s="3" t="s">
        <v>37</v>
      </c>
      <c r="V176" s="3" t="s">
        <v>37</v>
      </c>
    </row>
    <row r="177" spans="1:22" ht="14.45" customHeight="1" x14ac:dyDescent="0.25">
      <c r="A177" s="3" t="s">
        <v>904</v>
      </c>
      <c r="B177" s="4" t="s">
        <v>526</v>
      </c>
      <c r="C177" s="3" t="s">
        <v>527</v>
      </c>
      <c r="D177" s="5" t="s">
        <v>1015</v>
      </c>
      <c r="E177" s="3" t="s">
        <v>1226</v>
      </c>
      <c r="F177" s="3" t="s">
        <v>1373</v>
      </c>
      <c r="G177" s="3" t="s">
        <v>478</v>
      </c>
      <c r="H177" s="3" t="s">
        <v>133</v>
      </c>
      <c r="I177" s="3" t="s">
        <v>1269</v>
      </c>
      <c r="J177" s="3" t="s">
        <v>1270</v>
      </c>
      <c r="K177" s="3" t="s">
        <v>32</v>
      </c>
      <c r="L177" s="3" t="s">
        <v>33</v>
      </c>
      <c r="M177" s="3" t="s">
        <v>74</v>
      </c>
      <c r="N177" s="3" t="s">
        <v>234</v>
      </c>
      <c r="O177" s="3" t="s">
        <v>37</v>
      </c>
      <c r="P177" s="3" t="s">
        <v>37</v>
      </c>
      <c r="Q177" s="3" t="s">
        <v>37</v>
      </c>
      <c r="R177" s="3" t="s">
        <v>39</v>
      </c>
      <c r="S177" s="3" t="s">
        <v>1374</v>
      </c>
      <c r="T177" s="3" t="s">
        <v>282</v>
      </c>
      <c r="U177" s="3" t="s">
        <v>37</v>
      </c>
      <c r="V177" s="3" t="s">
        <v>37</v>
      </c>
    </row>
    <row r="178" spans="1:22" ht="14.45" customHeight="1" x14ac:dyDescent="0.25">
      <c r="A178" s="3" t="s">
        <v>904</v>
      </c>
      <c r="B178" s="4" t="s">
        <v>526</v>
      </c>
      <c r="C178" s="3" t="s">
        <v>527</v>
      </c>
      <c r="D178" s="5" t="s">
        <v>1272</v>
      </c>
      <c r="E178" s="3" t="s">
        <v>1226</v>
      </c>
      <c r="F178" s="3" t="s">
        <v>1268</v>
      </c>
      <c r="G178" s="3" t="s">
        <v>732</v>
      </c>
      <c r="H178" s="3" t="s">
        <v>133</v>
      </c>
      <c r="I178" s="3" t="s">
        <v>1269</v>
      </c>
      <c r="J178" s="3" t="s">
        <v>1270</v>
      </c>
      <c r="K178" s="3" t="s">
        <v>32</v>
      </c>
      <c r="L178" s="3" t="s">
        <v>33</v>
      </c>
      <c r="M178" s="3" t="s">
        <v>74</v>
      </c>
      <c r="N178" s="3" t="s">
        <v>234</v>
      </c>
      <c r="O178" s="3" t="s">
        <v>37</v>
      </c>
      <c r="P178" s="3" t="s">
        <v>37</v>
      </c>
      <c r="Q178" s="3" t="s">
        <v>37</v>
      </c>
      <c r="R178" s="3" t="s">
        <v>39</v>
      </c>
      <c r="S178" s="3" t="s">
        <v>1271</v>
      </c>
      <c r="T178" s="3" t="s">
        <v>37</v>
      </c>
      <c r="U178" s="3" t="s">
        <v>37</v>
      </c>
      <c r="V178" s="3" t="s">
        <v>37</v>
      </c>
    </row>
    <row r="179" spans="1:22" ht="14.45" customHeight="1" x14ac:dyDescent="0.25">
      <c r="A179" s="3" t="s">
        <v>904</v>
      </c>
      <c r="B179" s="4" t="s">
        <v>526</v>
      </c>
      <c r="C179" s="3" t="s">
        <v>527</v>
      </c>
      <c r="D179" s="5" t="s">
        <v>1019</v>
      </c>
      <c r="E179" s="3" t="s">
        <v>996</v>
      </c>
      <c r="F179" s="3" t="s">
        <v>1375</v>
      </c>
      <c r="G179" s="3" t="s">
        <v>191</v>
      </c>
      <c r="H179" s="3" t="s">
        <v>133</v>
      </c>
      <c r="I179" s="3" t="s">
        <v>37</v>
      </c>
      <c r="J179" s="3" t="s">
        <v>1376</v>
      </c>
      <c r="K179" s="3" t="s">
        <v>32</v>
      </c>
      <c r="L179" s="3" t="s">
        <v>33</v>
      </c>
      <c r="M179" s="3" t="s">
        <v>74</v>
      </c>
      <c r="N179" s="3" t="s">
        <v>75</v>
      </c>
      <c r="O179" s="3" t="s">
        <v>105</v>
      </c>
      <c r="P179" s="3" t="s">
        <v>37</v>
      </c>
      <c r="Q179" s="3" t="s">
        <v>37</v>
      </c>
      <c r="R179" s="3" t="s">
        <v>39</v>
      </c>
      <c r="S179" s="3" t="s">
        <v>1377</v>
      </c>
      <c r="T179" s="3" t="s">
        <v>282</v>
      </c>
      <c r="U179" s="3" t="s">
        <v>37</v>
      </c>
      <c r="V179" s="3" t="s">
        <v>37</v>
      </c>
    </row>
    <row r="180" spans="1:22" ht="14.45" customHeight="1" x14ac:dyDescent="0.25">
      <c r="A180" s="3" t="s">
        <v>904</v>
      </c>
      <c r="B180" s="4" t="s">
        <v>526</v>
      </c>
      <c r="C180" s="3" t="s">
        <v>527</v>
      </c>
      <c r="D180" s="5" t="s">
        <v>1283</v>
      </c>
      <c r="E180" s="3" t="s">
        <v>495</v>
      </c>
      <c r="F180" s="3" t="s">
        <v>1284</v>
      </c>
      <c r="G180" s="3" t="s">
        <v>1124</v>
      </c>
      <c r="H180" s="3" t="s">
        <v>207</v>
      </c>
      <c r="I180" s="3" t="s">
        <v>37</v>
      </c>
      <c r="J180" s="8" t="s">
        <v>1021</v>
      </c>
      <c r="K180" s="3" t="s">
        <v>32</v>
      </c>
      <c r="L180" s="3" t="s">
        <v>33</v>
      </c>
      <c r="M180" s="3" t="s">
        <v>34</v>
      </c>
      <c r="N180" s="3" t="s">
        <v>234</v>
      </c>
      <c r="O180" s="3" t="s">
        <v>37</v>
      </c>
      <c r="P180" s="3" t="s">
        <v>37</v>
      </c>
      <c r="Q180" s="3" t="s">
        <v>37</v>
      </c>
      <c r="R180" s="3" t="s">
        <v>39</v>
      </c>
      <c r="S180" s="3" t="s">
        <v>1378</v>
      </c>
      <c r="T180" s="3" t="s">
        <v>37</v>
      </c>
      <c r="U180" s="3" t="s">
        <v>37</v>
      </c>
      <c r="V180" s="3" t="s">
        <v>37</v>
      </c>
    </row>
    <row r="181" spans="1:22" ht="14.45" customHeight="1" x14ac:dyDescent="0.25">
      <c r="A181" s="3" t="s">
        <v>904</v>
      </c>
      <c r="B181" s="4" t="s">
        <v>526</v>
      </c>
      <c r="C181" s="3" t="s">
        <v>527</v>
      </c>
      <c r="D181" s="5" t="s">
        <v>1286</v>
      </c>
      <c r="E181" s="3" t="s">
        <v>495</v>
      </c>
      <c r="F181" s="3" t="s">
        <v>1284</v>
      </c>
      <c r="G181" s="3" t="s">
        <v>1119</v>
      </c>
      <c r="H181" s="3" t="s">
        <v>207</v>
      </c>
      <c r="I181" s="3" t="s">
        <v>37</v>
      </c>
      <c r="J181" s="8" t="s">
        <v>1021</v>
      </c>
      <c r="K181" s="3" t="s">
        <v>32</v>
      </c>
      <c r="L181" s="3" t="s">
        <v>33</v>
      </c>
      <c r="M181" s="3" t="s">
        <v>34</v>
      </c>
      <c r="N181" s="3" t="s">
        <v>234</v>
      </c>
      <c r="O181" s="3" t="s">
        <v>37</v>
      </c>
      <c r="P181" s="3" t="s">
        <v>37</v>
      </c>
      <c r="Q181" s="3" t="s">
        <v>37</v>
      </c>
      <c r="R181" s="3" t="s">
        <v>39</v>
      </c>
      <c r="S181" s="3" t="s">
        <v>1285</v>
      </c>
      <c r="T181" s="3" t="s">
        <v>37</v>
      </c>
      <c r="U181" s="3" t="s">
        <v>37</v>
      </c>
      <c r="V181" s="3" t="s">
        <v>37</v>
      </c>
    </row>
    <row r="182" spans="1:22" ht="14.45" customHeight="1" x14ac:dyDescent="0.25">
      <c r="A182" s="3" t="s">
        <v>904</v>
      </c>
      <c r="B182" s="4" t="s">
        <v>526</v>
      </c>
      <c r="C182" s="3" t="s">
        <v>527</v>
      </c>
      <c r="D182" s="5" t="s">
        <v>1023</v>
      </c>
      <c r="E182" s="3" t="s">
        <v>1024</v>
      </c>
      <c r="F182" s="3" t="s">
        <v>1379</v>
      </c>
      <c r="G182" s="3" t="s">
        <v>139</v>
      </c>
      <c r="H182" s="3" t="s">
        <v>133</v>
      </c>
      <c r="I182" s="3" t="s">
        <v>37</v>
      </c>
      <c r="J182" s="3" t="s">
        <v>1380</v>
      </c>
      <c r="K182" s="3" t="s">
        <v>32</v>
      </c>
      <c r="L182" s="3" t="s">
        <v>33</v>
      </c>
      <c r="M182" s="3" t="s">
        <v>74</v>
      </c>
      <c r="N182" s="3" t="s">
        <v>153</v>
      </c>
      <c r="O182" s="3" t="s">
        <v>53</v>
      </c>
      <c r="P182" s="3" t="s">
        <v>54</v>
      </c>
      <c r="Q182" s="3" t="s">
        <v>37</v>
      </c>
      <c r="R182" s="3" t="s">
        <v>39</v>
      </c>
      <c r="S182" s="3" t="s">
        <v>1381</v>
      </c>
      <c r="T182" s="3" t="s">
        <v>37</v>
      </c>
      <c r="U182" s="3" t="s">
        <v>37</v>
      </c>
      <c r="V182" s="3" t="s">
        <v>37</v>
      </c>
    </row>
    <row r="183" spans="1:22" ht="14.45" customHeight="1" x14ac:dyDescent="0.25">
      <c r="A183" s="3" t="s">
        <v>904</v>
      </c>
      <c r="B183" s="4" t="s">
        <v>526</v>
      </c>
      <c r="C183" s="3" t="s">
        <v>527</v>
      </c>
      <c r="D183" s="5" t="s">
        <v>201</v>
      </c>
      <c r="E183" s="3" t="s">
        <v>1028</v>
      </c>
      <c r="F183" s="3" t="s">
        <v>1382</v>
      </c>
      <c r="G183" s="3" t="s">
        <v>1383</v>
      </c>
      <c r="H183" s="3" t="s">
        <v>88</v>
      </c>
      <c r="I183" s="3" t="s">
        <v>1384</v>
      </c>
      <c r="J183" s="3" t="s">
        <v>1385</v>
      </c>
      <c r="K183" s="3" t="s">
        <v>32</v>
      </c>
      <c r="L183" s="3" t="s">
        <v>33</v>
      </c>
      <c r="M183" s="3" t="s">
        <v>74</v>
      </c>
      <c r="N183" s="3" t="s">
        <v>52</v>
      </c>
      <c r="O183" s="3" t="s">
        <v>53</v>
      </c>
      <c r="P183" s="3" t="s">
        <v>37</v>
      </c>
      <c r="Q183" s="3" t="s">
        <v>37</v>
      </c>
      <c r="R183" s="3" t="s">
        <v>39</v>
      </c>
      <c r="S183" s="3" t="s">
        <v>1386</v>
      </c>
      <c r="T183" s="3" t="s">
        <v>37</v>
      </c>
      <c r="U183" s="3" t="s">
        <v>37</v>
      </c>
      <c r="V183" s="3" t="s">
        <v>37</v>
      </c>
    </row>
    <row r="184" spans="1:22" ht="14.45" customHeight="1" x14ac:dyDescent="0.25">
      <c r="A184" s="3" t="s">
        <v>904</v>
      </c>
      <c r="B184" s="4" t="s">
        <v>526</v>
      </c>
      <c r="C184" s="3" t="s">
        <v>527</v>
      </c>
      <c r="D184" s="5" t="s">
        <v>353</v>
      </c>
      <c r="E184" s="3" t="s">
        <v>1102</v>
      </c>
      <c r="F184" s="3" t="s">
        <v>1387</v>
      </c>
      <c r="G184" s="3" t="s">
        <v>556</v>
      </c>
      <c r="H184" s="3" t="s">
        <v>88</v>
      </c>
      <c r="I184" s="3" t="s">
        <v>1388</v>
      </c>
      <c r="J184" s="3" t="s">
        <v>1389</v>
      </c>
      <c r="K184" s="3" t="s">
        <v>32</v>
      </c>
      <c r="L184" s="3" t="s">
        <v>33</v>
      </c>
      <c r="M184" s="3" t="s">
        <v>74</v>
      </c>
      <c r="N184" s="3" t="s">
        <v>370</v>
      </c>
      <c r="O184" s="3" t="s">
        <v>105</v>
      </c>
      <c r="P184" s="3" t="s">
        <v>37</v>
      </c>
      <c r="Q184" s="3" t="s">
        <v>37</v>
      </c>
      <c r="R184" s="3" t="s">
        <v>39</v>
      </c>
      <c r="S184" s="3" t="s">
        <v>1390</v>
      </c>
      <c r="T184" s="3" t="s">
        <v>37</v>
      </c>
      <c r="U184" s="3" t="s">
        <v>37</v>
      </c>
      <c r="V184" s="3" t="s">
        <v>37</v>
      </c>
    </row>
    <row r="185" spans="1:22" ht="14.45" customHeight="1" x14ac:dyDescent="0.25">
      <c r="A185" s="3" t="s">
        <v>904</v>
      </c>
      <c r="B185" s="4" t="s">
        <v>526</v>
      </c>
      <c r="C185" s="3" t="s">
        <v>527</v>
      </c>
      <c r="D185" s="5" t="s">
        <v>494</v>
      </c>
      <c r="E185" s="3" t="s">
        <v>927</v>
      </c>
      <c r="F185" s="3" t="s">
        <v>1007</v>
      </c>
      <c r="G185" s="3" t="s">
        <v>122</v>
      </c>
      <c r="H185" s="3" t="s">
        <v>29</v>
      </c>
      <c r="I185" s="3" t="s">
        <v>936</v>
      </c>
      <c r="J185" s="3" t="s">
        <v>1008</v>
      </c>
      <c r="K185" s="3" t="s">
        <v>32</v>
      </c>
      <c r="L185" s="3" t="s">
        <v>33</v>
      </c>
      <c r="M185" s="3" t="s">
        <v>931</v>
      </c>
      <c r="N185" s="3" t="s">
        <v>234</v>
      </c>
      <c r="O185" s="3" t="s">
        <v>154</v>
      </c>
      <c r="P185" s="3" t="s">
        <v>37</v>
      </c>
      <c r="Q185" s="3" t="s">
        <v>37</v>
      </c>
      <c r="R185" s="3" t="s">
        <v>39</v>
      </c>
      <c r="S185" s="3" t="s">
        <v>1009</v>
      </c>
      <c r="T185" s="3" t="s">
        <v>37</v>
      </c>
      <c r="U185" s="3" t="s">
        <v>37</v>
      </c>
      <c r="V185" s="3" t="s">
        <v>37</v>
      </c>
    </row>
    <row r="186" spans="1:22" ht="14.45" customHeight="1" x14ac:dyDescent="0.25">
      <c r="A186" s="3" t="s">
        <v>904</v>
      </c>
      <c r="B186" s="4" t="s">
        <v>526</v>
      </c>
      <c r="C186" s="3" t="s">
        <v>527</v>
      </c>
      <c r="D186" s="5" t="s">
        <v>1301</v>
      </c>
      <c r="E186" s="3" t="s">
        <v>927</v>
      </c>
      <c r="F186" s="3" t="s">
        <v>1011</v>
      </c>
      <c r="G186" s="3" t="s">
        <v>514</v>
      </c>
      <c r="H186" s="3" t="s">
        <v>29</v>
      </c>
      <c r="I186" s="3" t="s">
        <v>929</v>
      </c>
      <c r="J186" s="3" t="s">
        <v>1012</v>
      </c>
      <c r="K186" s="3" t="s">
        <v>32</v>
      </c>
      <c r="L186" s="3" t="s">
        <v>33</v>
      </c>
      <c r="M186" s="3" t="s">
        <v>931</v>
      </c>
      <c r="N186" s="3" t="s">
        <v>234</v>
      </c>
      <c r="O186" s="3" t="s">
        <v>154</v>
      </c>
      <c r="P186" s="3" t="s">
        <v>37</v>
      </c>
      <c r="Q186" s="3" t="s">
        <v>37</v>
      </c>
      <c r="R186" s="3" t="s">
        <v>39</v>
      </c>
      <c r="S186" s="3" t="s">
        <v>1013</v>
      </c>
      <c r="T186" s="3" t="s">
        <v>37</v>
      </c>
      <c r="U186" s="3" t="s">
        <v>37</v>
      </c>
      <c r="V186" s="3" t="s">
        <v>37</v>
      </c>
    </row>
    <row r="187" spans="1:22" ht="14.45" customHeight="1" x14ac:dyDescent="0.25">
      <c r="A187" s="3" t="s">
        <v>904</v>
      </c>
      <c r="B187" s="4" t="s">
        <v>526</v>
      </c>
      <c r="C187" s="3" t="s">
        <v>527</v>
      </c>
      <c r="D187" s="5" t="s">
        <v>362</v>
      </c>
      <c r="E187" s="3" t="s">
        <v>927</v>
      </c>
      <c r="F187" s="3" t="s">
        <v>1141</v>
      </c>
      <c r="G187" s="3" t="s">
        <v>173</v>
      </c>
      <c r="H187" s="3" t="s">
        <v>29</v>
      </c>
      <c r="I187" s="3" t="s">
        <v>936</v>
      </c>
      <c r="J187" s="7" t="s">
        <v>930</v>
      </c>
      <c r="K187" s="3" t="s">
        <v>32</v>
      </c>
      <c r="L187" s="3" t="s">
        <v>33</v>
      </c>
      <c r="M187" s="3" t="s">
        <v>931</v>
      </c>
      <c r="N187" s="3" t="s">
        <v>234</v>
      </c>
      <c r="O187" s="3" t="s">
        <v>154</v>
      </c>
      <c r="P187" s="3" t="s">
        <v>37</v>
      </c>
      <c r="Q187" s="3" t="s">
        <v>37</v>
      </c>
      <c r="R187" s="3" t="s">
        <v>39</v>
      </c>
      <c r="S187" s="3" t="s">
        <v>1142</v>
      </c>
      <c r="T187" s="3" t="s">
        <v>37</v>
      </c>
      <c r="U187" s="3" t="s">
        <v>37</v>
      </c>
      <c r="V187" s="3" t="s">
        <v>37</v>
      </c>
    </row>
    <row r="188" spans="1:22" ht="14.45" customHeight="1" x14ac:dyDescent="0.25">
      <c r="A188" s="3" t="s">
        <v>904</v>
      </c>
      <c r="B188" s="4" t="s">
        <v>526</v>
      </c>
      <c r="C188" s="3" t="s">
        <v>527</v>
      </c>
      <c r="D188" s="5" t="s">
        <v>1040</v>
      </c>
      <c r="E188" s="3" t="s">
        <v>996</v>
      </c>
      <c r="F188" s="3" t="s">
        <v>1370</v>
      </c>
      <c r="G188" s="3" t="s">
        <v>395</v>
      </c>
      <c r="H188" s="3" t="s">
        <v>29</v>
      </c>
      <c r="I188" s="3" t="s">
        <v>37</v>
      </c>
      <c r="J188" s="3" t="s">
        <v>1371</v>
      </c>
      <c r="K188" s="3" t="s">
        <v>32</v>
      </c>
      <c r="L188" s="3" t="s">
        <v>33</v>
      </c>
      <c r="M188" s="3" t="s">
        <v>74</v>
      </c>
      <c r="N188" s="3" t="s">
        <v>153</v>
      </c>
      <c r="O188" s="3" t="s">
        <v>105</v>
      </c>
      <c r="P188" s="3" t="s">
        <v>37</v>
      </c>
      <c r="Q188" s="3" t="s">
        <v>37</v>
      </c>
      <c r="R188" s="3" t="s">
        <v>39</v>
      </c>
      <c r="S188" s="3" t="s">
        <v>1372</v>
      </c>
      <c r="T188" s="3" t="s">
        <v>37</v>
      </c>
      <c r="U188" s="3" t="s">
        <v>37</v>
      </c>
      <c r="V188" s="3" t="s">
        <v>37</v>
      </c>
    </row>
    <row r="189" spans="1:22" ht="14.45" customHeight="1" x14ac:dyDescent="0.25">
      <c r="A189" s="3" t="s">
        <v>904</v>
      </c>
      <c r="B189" s="4" t="s">
        <v>526</v>
      </c>
      <c r="C189" s="3" t="s">
        <v>527</v>
      </c>
      <c r="D189" s="5" t="s">
        <v>220</v>
      </c>
      <c r="E189" s="3" t="s">
        <v>1226</v>
      </c>
      <c r="F189" s="3" t="s">
        <v>1373</v>
      </c>
      <c r="G189" s="3" t="s">
        <v>478</v>
      </c>
      <c r="H189" s="3" t="s">
        <v>133</v>
      </c>
      <c r="I189" s="3" t="s">
        <v>1269</v>
      </c>
      <c r="J189" s="3" t="s">
        <v>1270</v>
      </c>
      <c r="K189" s="3" t="s">
        <v>32</v>
      </c>
      <c r="L189" s="3" t="s">
        <v>33</v>
      </c>
      <c r="M189" s="3" t="s">
        <v>74</v>
      </c>
      <c r="N189" s="3" t="s">
        <v>234</v>
      </c>
      <c r="O189" s="3" t="s">
        <v>37</v>
      </c>
      <c r="P189" s="3" t="s">
        <v>37</v>
      </c>
      <c r="Q189" s="3" t="s">
        <v>37</v>
      </c>
      <c r="R189" s="3" t="s">
        <v>39</v>
      </c>
      <c r="S189" s="3" t="s">
        <v>1374</v>
      </c>
      <c r="T189" s="3" t="s">
        <v>37</v>
      </c>
      <c r="U189" s="3" t="s">
        <v>37</v>
      </c>
      <c r="V189" s="3" t="s">
        <v>37</v>
      </c>
    </row>
    <row r="190" spans="1:22" ht="14.45" customHeight="1" x14ac:dyDescent="0.25">
      <c r="A190" s="3" t="s">
        <v>904</v>
      </c>
      <c r="B190" s="4" t="s">
        <v>526</v>
      </c>
      <c r="C190" s="3" t="s">
        <v>527</v>
      </c>
      <c r="D190" s="5" t="s">
        <v>1304</v>
      </c>
      <c r="E190" s="3" t="s">
        <v>1226</v>
      </c>
      <c r="F190" s="3" t="s">
        <v>1268</v>
      </c>
      <c r="G190" s="3" t="s">
        <v>732</v>
      </c>
      <c r="H190" s="3" t="s">
        <v>133</v>
      </c>
      <c r="I190" s="3" t="s">
        <v>1269</v>
      </c>
      <c r="J190" s="3" t="s">
        <v>1270</v>
      </c>
      <c r="K190" s="3" t="s">
        <v>32</v>
      </c>
      <c r="L190" s="3" t="s">
        <v>33</v>
      </c>
      <c r="M190" s="3" t="s">
        <v>74</v>
      </c>
      <c r="N190" s="3" t="s">
        <v>234</v>
      </c>
      <c r="O190" s="3" t="s">
        <v>37</v>
      </c>
      <c r="P190" s="3" t="s">
        <v>37</v>
      </c>
      <c r="Q190" s="3" t="s">
        <v>37</v>
      </c>
      <c r="R190" s="3" t="s">
        <v>39</v>
      </c>
      <c r="S190" s="3" t="s">
        <v>1271</v>
      </c>
      <c r="T190" s="3" t="s">
        <v>37</v>
      </c>
      <c r="U190" s="3" t="s">
        <v>37</v>
      </c>
      <c r="V190" s="3" t="s">
        <v>37</v>
      </c>
    </row>
    <row r="191" spans="1:22" ht="14.45" customHeight="1" x14ac:dyDescent="0.25">
      <c r="A191" s="3" t="s">
        <v>904</v>
      </c>
      <c r="B191" s="4" t="s">
        <v>526</v>
      </c>
      <c r="C191" s="3" t="s">
        <v>527</v>
      </c>
      <c r="D191" s="5" t="s">
        <v>380</v>
      </c>
      <c r="E191" s="3" t="s">
        <v>996</v>
      </c>
      <c r="F191" s="3" t="s">
        <v>1375</v>
      </c>
      <c r="G191" s="3" t="s">
        <v>191</v>
      </c>
      <c r="H191" s="3" t="s">
        <v>133</v>
      </c>
      <c r="I191" s="3" t="s">
        <v>37</v>
      </c>
      <c r="J191" s="3" t="s">
        <v>1376</v>
      </c>
      <c r="K191" s="3" t="s">
        <v>32</v>
      </c>
      <c r="L191" s="3" t="s">
        <v>33</v>
      </c>
      <c r="M191" s="3" t="s">
        <v>74</v>
      </c>
      <c r="N191" s="3" t="s">
        <v>75</v>
      </c>
      <c r="O191" s="3" t="s">
        <v>105</v>
      </c>
      <c r="P191" s="3" t="s">
        <v>37</v>
      </c>
      <c r="Q191" s="3" t="s">
        <v>37</v>
      </c>
      <c r="R191" s="3" t="s">
        <v>39</v>
      </c>
      <c r="S191" s="3" t="s">
        <v>1377</v>
      </c>
      <c r="T191" s="3" t="s">
        <v>37</v>
      </c>
      <c r="U191" s="3" t="s">
        <v>37</v>
      </c>
      <c r="V191" s="3" t="s">
        <v>37</v>
      </c>
    </row>
    <row r="192" spans="1:22" ht="14.45" customHeight="1" x14ac:dyDescent="0.25">
      <c r="A192" s="3" t="s">
        <v>904</v>
      </c>
      <c r="B192" s="4" t="s">
        <v>526</v>
      </c>
      <c r="C192" s="3" t="s">
        <v>527</v>
      </c>
      <c r="D192" s="5" t="s">
        <v>229</v>
      </c>
      <c r="E192" s="3" t="s">
        <v>495</v>
      </c>
      <c r="F192" s="3" t="s">
        <v>1284</v>
      </c>
      <c r="G192" s="3" t="s">
        <v>1124</v>
      </c>
      <c r="H192" s="3" t="s">
        <v>207</v>
      </c>
      <c r="I192" s="3" t="s">
        <v>37</v>
      </c>
      <c r="J192" s="8" t="s">
        <v>1021</v>
      </c>
      <c r="K192" s="3" t="s">
        <v>32</v>
      </c>
      <c r="L192" s="3" t="s">
        <v>33</v>
      </c>
      <c r="M192" s="3" t="s">
        <v>34</v>
      </c>
      <c r="N192" s="3" t="s">
        <v>234</v>
      </c>
      <c r="O192" s="3" t="s">
        <v>37</v>
      </c>
      <c r="P192" s="3" t="s">
        <v>37</v>
      </c>
      <c r="Q192" s="3" t="s">
        <v>37</v>
      </c>
      <c r="R192" s="3" t="s">
        <v>39</v>
      </c>
      <c r="S192" s="3" t="s">
        <v>1378</v>
      </c>
      <c r="T192" s="3" t="s">
        <v>37</v>
      </c>
      <c r="U192" s="3" t="s">
        <v>37</v>
      </c>
      <c r="V192" s="3" t="s">
        <v>37</v>
      </c>
    </row>
    <row r="193" spans="1:22" ht="14.45" customHeight="1" x14ac:dyDescent="0.25">
      <c r="A193" s="3" t="s">
        <v>904</v>
      </c>
      <c r="B193" s="4" t="s">
        <v>526</v>
      </c>
      <c r="C193" s="3" t="s">
        <v>527</v>
      </c>
      <c r="D193" s="5" t="s">
        <v>1306</v>
      </c>
      <c r="E193" s="3" t="s">
        <v>495</v>
      </c>
      <c r="F193" s="3" t="s">
        <v>1284</v>
      </c>
      <c r="G193" s="3" t="s">
        <v>1119</v>
      </c>
      <c r="H193" s="3" t="s">
        <v>207</v>
      </c>
      <c r="I193" s="3" t="s">
        <v>37</v>
      </c>
      <c r="J193" s="8" t="s">
        <v>1021</v>
      </c>
      <c r="K193" s="3" t="s">
        <v>32</v>
      </c>
      <c r="L193" s="3" t="s">
        <v>33</v>
      </c>
      <c r="M193" s="3" t="s">
        <v>34</v>
      </c>
      <c r="N193" s="3" t="s">
        <v>234</v>
      </c>
      <c r="O193" s="3" t="s">
        <v>37</v>
      </c>
      <c r="P193" s="3" t="s">
        <v>37</v>
      </c>
      <c r="Q193" s="3" t="s">
        <v>37</v>
      </c>
      <c r="R193" s="3" t="s">
        <v>39</v>
      </c>
      <c r="S193" s="3" t="s">
        <v>1285</v>
      </c>
      <c r="T193" s="3" t="s">
        <v>37</v>
      </c>
      <c r="U193" s="3" t="s">
        <v>37</v>
      </c>
      <c r="V193" s="3" t="s">
        <v>37</v>
      </c>
    </row>
    <row r="194" spans="1:22" ht="14.45" customHeight="1" x14ac:dyDescent="0.25">
      <c r="A194" s="3" t="s">
        <v>904</v>
      </c>
      <c r="B194" s="4" t="s">
        <v>526</v>
      </c>
      <c r="C194" s="3" t="s">
        <v>527</v>
      </c>
      <c r="D194" s="5" t="s">
        <v>1053</v>
      </c>
      <c r="E194" s="3" t="s">
        <v>1024</v>
      </c>
      <c r="F194" s="3" t="s">
        <v>1379</v>
      </c>
      <c r="G194" s="3" t="s">
        <v>139</v>
      </c>
      <c r="H194" s="3" t="s">
        <v>133</v>
      </c>
      <c r="I194" s="3" t="s">
        <v>37</v>
      </c>
      <c r="J194" s="3" t="s">
        <v>1380</v>
      </c>
      <c r="K194" s="3" t="s">
        <v>32</v>
      </c>
      <c r="L194" s="3" t="s">
        <v>33</v>
      </c>
      <c r="M194" s="3" t="s">
        <v>74</v>
      </c>
      <c r="N194" s="3" t="s">
        <v>153</v>
      </c>
      <c r="O194" s="3" t="s">
        <v>53</v>
      </c>
      <c r="P194" s="3" t="s">
        <v>54</v>
      </c>
      <c r="Q194" s="3" t="s">
        <v>37</v>
      </c>
      <c r="R194" s="3" t="s">
        <v>39</v>
      </c>
      <c r="S194" s="3" t="s">
        <v>1381</v>
      </c>
      <c r="T194" s="3" t="s">
        <v>37</v>
      </c>
      <c r="U194" s="3" t="s">
        <v>37</v>
      </c>
      <c r="V194" s="3" t="s">
        <v>37</v>
      </c>
    </row>
    <row r="195" spans="1:22" ht="14.45" customHeight="1" x14ac:dyDescent="0.25">
      <c r="A195" s="3" t="s">
        <v>904</v>
      </c>
      <c r="B195" s="4" t="s">
        <v>526</v>
      </c>
      <c r="C195" s="3" t="s">
        <v>527</v>
      </c>
      <c r="D195" s="5" t="s">
        <v>240</v>
      </c>
      <c r="E195" s="3" t="s">
        <v>1028</v>
      </c>
      <c r="F195" s="3" t="s">
        <v>1382</v>
      </c>
      <c r="G195" s="3" t="s">
        <v>1383</v>
      </c>
      <c r="H195" s="3" t="s">
        <v>88</v>
      </c>
      <c r="I195" s="3" t="s">
        <v>1384</v>
      </c>
      <c r="J195" s="3" t="s">
        <v>1385</v>
      </c>
      <c r="K195" s="3" t="s">
        <v>32</v>
      </c>
      <c r="L195" s="3" t="s">
        <v>33</v>
      </c>
      <c r="M195" s="3" t="s">
        <v>74</v>
      </c>
      <c r="N195" s="3" t="s">
        <v>52</v>
      </c>
      <c r="O195" s="3" t="s">
        <v>53</v>
      </c>
      <c r="P195" s="3" t="s">
        <v>37</v>
      </c>
      <c r="Q195" s="3" t="s">
        <v>37</v>
      </c>
      <c r="R195" s="3" t="s">
        <v>39</v>
      </c>
      <c r="S195" s="3" t="s">
        <v>1386</v>
      </c>
      <c r="T195" s="3" t="s">
        <v>37</v>
      </c>
      <c r="U195" s="3" t="s">
        <v>37</v>
      </c>
      <c r="V195" s="3" t="s">
        <v>37</v>
      </c>
    </row>
    <row r="196" spans="1:22" ht="14.45" customHeight="1" x14ac:dyDescent="0.25">
      <c r="A196" s="3" t="s">
        <v>904</v>
      </c>
      <c r="B196" s="4" t="s">
        <v>526</v>
      </c>
      <c r="C196" s="3" t="s">
        <v>527</v>
      </c>
      <c r="D196" s="5" t="s">
        <v>1060</v>
      </c>
      <c r="E196" s="3" t="s">
        <v>916</v>
      </c>
      <c r="F196" s="3" t="s">
        <v>1169</v>
      </c>
      <c r="G196" s="3" t="s">
        <v>43</v>
      </c>
      <c r="H196" s="3" t="s">
        <v>29</v>
      </c>
      <c r="I196" s="3" t="s">
        <v>918</v>
      </c>
      <c r="J196" s="3" t="s">
        <v>1170</v>
      </c>
      <c r="K196" s="3" t="s">
        <v>32</v>
      </c>
      <c r="L196" s="3" t="s">
        <v>33</v>
      </c>
      <c r="M196" s="3" t="s">
        <v>34</v>
      </c>
      <c r="N196" s="3" t="s">
        <v>75</v>
      </c>
      <c r="O196" s="3" t="s">
        <v>53</v>
      </c>
      <c r="P196" s="3" t="s">
        <v>37</v>
      </c>
      <c r="Q196" s="3" t="s">
        <v>37</v>
      </c>
      <c r="R196" s="3" t="s">
        <v>39</v>
      </c>
      <c r="S196" s="3" t="s">
        <v>1171</v>
      </c>
      <c r="T196" s="3" t="s">
        <v>37</v>
      </c>
      <c r="U196" s="3" t="s">
        <v>37</v>
      </c>
      <c r="V196" s="3" t="s">
        <v>37</v>
      </c>
    </row>
    <row r="197" spans="1:22" ht="14.45" customHeight="1" x14ac:dyDescent="0.25">
      <c r="A197" s="3"/>
      <c r="B197" s="4"/>
      <c r="C197" s="3"/>
      <c r="D197" s="5"/>
      <c r="E197" s="6" t="s">
        <v>1064</v>
      </c>
      <c r="F197" s="3"/>
      <c r="G197" s="3"/>
      <c r="H197" s="3"/>
      <c r="I197" s="3"/>
      <c r="J197" s="3"/>
      <c r="K197" s="3"/>
      <c r="L197" s="3"/>
      <c r="M197" s="3"/>
      <c r="N197" s="3"/>
      <c r="O197" s="3"/>
      <c r="P197" s="3"/>
      <c r="Q197" s="3"/>
      <c r="R197" s="3"/>
      <c r="S197" s="3"/>
      <c r="T197" s="3"/>
      <c r="U197" s="3"/>
      <c r="V197" s="3"/>
    </row>
    <row r="198" spans="1:22" ht="14.45" customHeight="1" x14ac:dyDescent="0.25">
      <c r="A198" s="3"/>
      <c r="B198" s="4"/>
      <c r="C198" s="3"/>
      <c r="D198" s="5"/>
      <c r="E198" s="3"/>
      <c r="F198" s="3"/>
      <c r="G198" s="3"/>
      <c r="H198" s="3"/>
      <c r="I198" s="3"/>
      <c r="J198" s="3"/>
      <c r="K198" s="3"/>
      <c r="L198" s="3"/>
      <c r="M198" s="3"/>
      <c r="N198" s="3"/>
      <c r="O198" s="3"/>
      <c r="P198" s="3"/>
      <c r="Q198" s="3"/>
      <c r="R198" s="3"/>
      <c r="S198" s="3"/>
      <c r="T198" s="3"/>
      <c r="U198" s="3"/>
      <c r="V198" s="3"/>
    </row>
    <row r="199" spans="1:22" ht="14.45" customHeight="1" x14ac:dyDescent="0.25">
      <c r="A199" s="3" t="s">
        <v>904</v>
      </c>
      <c r="B199" s="4" t="s">
        <v>635</v>
      </c>
      <c r="C199" s="3" t="s">
        <v>636</v>
      </c>
      <c r="D199" s="5" t="s">
        <v>25</v>
      </c>
      <c r="E199" s="3" t="s">
        <v>905</v>
      </c>
      <c r="F199" s="3" t="s">
        <v>1391</v>
      </c>
      <c r="G199" s="3" t="s">
        <v>285</v>
      </c>
      <c r="H199" s="3" t="s">
        <v>88</v>
      </c>
      <c r="I199" s="3" t="s">
        <v>907</v>
      </c>
      <c r="J199" s="3" t="s">
        <v>1392</v>
      </c>
      <c r="K199" s="3" t="s">
        <v>32</v>
      </c>
      <c r="L199" s="3" t="s">
        <v>33</v>
      </c>
      <c r="M199" s="3" t="s">
        <v>74</v>
      </c>
      <c r="N199" s="3" t="s">
        <v>909</v>
      </c>
      <c r="O199" s="3" t="s">
        <v>105</v>
      </c>
      <c r="P199" s="3" t="s">
        <v>37</v>
      </c>
      <c r="Q199" s="3" t="s">
        <v>37</v>
      </c>
      <c r="R199" s="3" t="s">
        <v>39</v>
      </c>
      <c r="S199" s="3" t="s">
        <v>1393</v>
      </c>
      <c r="T199" s="3" t="s">
        <v>37</v>
      </c>
      <c r="U199" s="3" t="s">
        <v>37</v>
      </c>
      <c r="V199" s="3" t="s">
        <v>37</v>
      </c>
    </row>
    <row r="200" spans="1:22" ht="14.45" customHeight="1" x14ac:dyDescent="0.25">
      <c r="A200" s="3" t="s">
        <v>904</v>
      </c>
      <c r="B200" s="4" t="s">
        <v>635</v>
      </c>
      <c r="C200" s="3" t="s">
        <v>636</v>
      </c>
      <c r="D200" s="5" t="s">
        <v>911</v>
      </c>
      <c r="E200" s="3" t="s">
        <v>905</v>
      </c>
      <c r="F200" s="3" t="s">
        <v>1394</v>
      </c>
      <c r="G200" s="3" t="s">
        <v>502</v>
      </c>
      <c r="H200" s="3" t="s">
        <v>88</v>
      </c>
      <c r="I200" s="3" t="s">
        <v>1395</v>
      </c>
      <c r="J200" s="3" t="s">
        <v>1396</v>
      </c>
      <c r="K200" s="3" t="s">
        <v>32</v>
      </c>
      <c r="L200" s="3" t="s">
        <v>33</v>
      </c>
      <c r="M200" s="3" t="s">
        <v>74</v>
      </c>
      <c r="N200" s="3" t="s">
        <v>909</v>
      </c>
      <c r="O200" s="3" t="s">
        <v>105</v>
      </c>
      <c r="P200" s="3" t="s">
        <v>37</v>
      </c>
      <c r="Q200" s="3" t="s">
        <v>37</v>
      </c>
      <c r="R200" s="3" t="s">
        <v>39</v>
      </c>
      <c r="S200" s="3" t="s">
        <v>1397</v>
      </c>
      <c r="T200" s="3" t="s">
        <v>37</v>
      </c>
      <c r="U200" s="3" t="s">
        <v>37</v>
      </c>
      <c r="V200" s="3" t="s">
        <v>37</v>
      </c>
    </row>
    <row r="201" spans="1:22" ht="14.45" customHeight="1" x14ac:dyDescent="0.25">
      <c r="A201" s="3" t="s">
        <v>904</v>
      </c>
      <c r="B201" s="4" t="s">
        <v>635</v>
      </c>
      <c r="C201" s="3" t="s">
        <v>636</v>
      </c>
      <c r="D201" s="5" t="s">
        <v>46</v>
      </c>
      <c r="E201" s="3" t="s">
        <v>927</v>
      </c>
      <c r="F201" s="3" t="s">
        <v>1302</v>
      </c>
      <c r="G201" s="3" t="s">
        <v>359</v>
      </c>
      <c r="H201" s="3" t="s">
        <v>29</v>
      </c>
      <c r="I201" s="3" t="s">
        <v>936</v>
      </c>
      <c r="J201" s="7" t="s">
        <v>930</v>
      </c>
      <c r="K201" s="3" t="s">
        <v>32</v>
      </c>
      <c r="L201" s="3" t="s">
        <v>33</v>
      </c>
      <c r="M201" s="3" t="s">
        <v>931</v>
      </c>
      <c r="N201" s="3" t="s">
        <v>234</v>
      </c>
      <c r="O201" s="3" t="s">
        <v>154</v>
      </c>
      <c r="P201" s="3" t="s">
        <v>37</v>
      </c>
      <c r="Q201" s="3" t="s">
        <v>37</v>
      </c>
      <c r="R201" s="3" t="s">
        <v>39</v>
      </c>
      <c r="S201" s="3" t="s">
        <v>1303</v>
      </c>
      <c r="T201" s="3" t="s">
        <v>37</v>
      </c>
      <c r="U201" s="3" t="s">
        <v>37</v>
      </c>
      <c r="V201" s="3" t="s">
        <v>37</v>
      </c>
    </row>
    <row r="202" spans="1:22" ht="14.45" customHeight="1" x14ac:dyDescent="0.25">
      <c r="A202" s="3" t="s">
        <v>904</v>
      </c>
      <c r="B202" s="4" t="s">
        <v>635</v>
      </c>
      <c r="C202" s="3" t="s">
        <v>636</v>
      </c>
      <c r="D202" s="5" t="s">
        <v>1187</v>
      </c>
      <c r="E202" s="3" t="s">
        <v>927</v>
      </c>
      <c r="F202" s="3" t="s">
        <v>1234</v>
      </c>
      <c r="G202" s="3" t="s">
        <v>631</v>
      </c>
      <c r="H202" s="3" t="s">
        <v>29</v>
      </c>
      <c r="I202" s="3" t="s">
        <v>936</v>
      </c>
      <c r="J202" s="3" t="s">
        <v>1235</v>
      </c>
      <c r="K202" s="3" t="s">
        <v>32</v>
      </c>
      <c r="L202" s="3" t="s">
        <v>33</v>
      </c>
      <c r="M202" s="3" t="s">
        <v>931</v>
      </c>
      <c r="N202" s="3" t="s">
        <v>234</v>
      </c>
      <c r="O202" s="3" t="s">
        <v>154</v>
      </c>
      <c r="P202" s="3" t="s">
        <v>37</v>
      </c>
      <c r="Q202" s="3" t="s">
        <v>37</v>
      </c>
      <c r="R202" s="3" t="s">
        <v>39</v>
      </c>
      <c r="S202" s="3" t="s">
        <v>1236</v>
      </c>
      <c r="T202" s="3" t="s">
        <v>37</v>
      </c>
      <c r="U202" s="3" t="s">
        <v>37</v>
      </c>
      <c r="V202" s="3" t="s">
        <v>37</v>
      </c>
    </row>
    <row r="203" spans="1:22" ht="14.45" customHeight="1" x14ac:dyDescent="0.25">
      <c r="A203" s="3" t="s">
        <v>904</v>
      </c>
      <c r="B203" s="4" t="s">
        <v>635</v>
      </c>
      <c r="C203" s="3" t="s">
        <v>636</v>
      </c>
      <c r="D203" s="5" t="s">
        <v>1188</v>
      </c>
      <c r="E203" s="3" t="s">
        <v>927</v>
      </c>
      <c r="F203" s="3" t="s">
        <v>1091</v>
      </c>
      <c r="G203" s="3" t="s">
        <v>309</v>
      </c>
      <c r="H203" s="3" t="s">
        <v>29</v>
      </c>
      <c r="I203" s="3" t="s">
        <v>929</v>
      </c>
      <c r="J203" s="7" t="s">
        <v>930</v>
      </c>
      <c r="K203" s="3" t="s">
        <v>32</v>
      </c>
      <c r="L203" s="3" t="s">
        <v>33</v>
      </c>
      <c r="M203" s="3" t="s">
        <v>931</v>
      </c>
      <c r="N203" s="3" t="s">
        <v>234</v>
      </c>
      <c r="O203" s="3" t="s">
        <v>154</v>
      </c>
      <c r="P203" s="3" t="s">
        <v>37</v>
      </c>
      <c r="Q203" s="3" t="s">
        <v>37</v>
      </c>
      <c r="R203" s="3" t="s">
        <v>39</v>
      </c>
      <c r="S203" s="3" t="s">
        <v>1092</v>
      </c>
      <c r="T203" s="3" t="s">
        <v>37</v>
      </c>
      <c r="U203" s="3" t="s">
        <v>37</v>
      </c>
      <c r="V203" s="3" t="s">
        <v>37</v>
      </c>
    </row>
    <row r="204" spans="1:22" ht="14.45" customHeight="1" x14ac:dyDescent="0.25">
      <c r="A204" s="3" t="s">
        <v>904</v>
      </c>
      <c r="B204" s="4" t="s">
        <v>635</v>
      </c>
      <c r="C204" s="3" t="s">
        <v>636</v>
      </c>
      <c r="D204" s="5" t="s">
        <v>921</v>
      </c>
      <c r="E204" s="3" t="s">
        <v>927</v>
      </c>
      <c r="F204" s="3" t="s">
        <v>1007</v>
      </c>
      <c r="G204" s="3" t="s">
        <v>122</v>
      </c>
      <c r="H204" s="3" t="s">
        <v>29</v>
      </c>
      <c r="I204" s="3" t="s">
        <v>936</v>
      </c>
      <c r="J204" s="3" t="s">
        <v>1008</v>
      </c>
      <c r="K204" s="3" t="s">
        <v>32</v>
      </c>
      <c r="L204" s="3" t="s">
        <v>33</v>
      </c>
      <c r="M204" s="3" t="s">
        <v>931</v>
      </c>
      <c r="N204" s="3" t="s">
        <v>234</v>
      </c>
      <c r="O204" s="3" t="s">
        <v>154</v>
      </c>
      <c r="P204" s="3" t="s">
        <v>37</v>
      </c>
      <c r="Q204" s="3" t="s">
        <v>37</v>
      </c>
      <c r="R204" s="3" t="s">
        <v>39</v>
      </c>
      <c r="S204" s="3" t="s">
        <v>1009</v>
      </c>
      <c r="T204" s="3" t="s">
        <v>37</v>
      </c>
      <c r="U204" s="3" t="s">
        <v>37</v>
      </c>
      <c r="V204" s="3" t="s">
        <v>37</v>
      </c>
    </row>
    <row r="205" spans="1:22" ht="14.45" customHeight="1" x14ac:dyDescent="0.25">
      <c r="A205" s="3" t="s">
        <v>904</v>
      </c>
      <c r="B205" s="4" t="s">
        <v>635</v>
      </c>
      <c r="C205" s="3" t="s">
        <v>636</v>
      </c>
      <c r="D205" s="5" t="s">
        <v>642</v>
      </c>
      <c r="E205" s="3" t="s">
        <v>927</v>
      </c>
      <c r="F205" s="3" t="s">
        <v>1240</v>
      </c>
      <c r="G205" s="3" t="s">
        <v>139</v>
      </c>
      <c r="H205" s="3" t="s">
        <v>29</v>
      </c>
      <c r="I205" s="3" t="s">
        <v>929</v>
      </c>
      <c r="J205" s="7" t="s">
        <v>930</v>
      </c>
      <c r="K205" s="3" t="s">
        <v>32</v>
      </c>
      <c r="L205" s="3" t="s">
        <v>33</v>
      </c>
      <c r="M205" s="3" t="s">
        <v>931</v>
      </c>
      <c r="N205" s="3" t="s">
        <v>234</v>
      </c>
      <c r="O205" s="3" t="s">
        <v>154</v>
      </c>
      <c r="P205" s="3" t="s">
        <v>37</v>
      </c>
      <c r="Q205" s="3" t="s">
        <v>37</v>
      </c>
      <c r="R205" s="3" t="s">
        <v>39</v>
      </c>
      <c r="S205" s="3" t="s">
        <v>1241</v>
      </c>
      <c r="T205" s="3" t="s">
        <v>37</v>
      </c>
      <c r="U205" s="3" t="s">
        <v>37</v>
      </c>
      <c r="V205" s="3" t="s">
        <v>37</v>
      </c>
    </row>
    <row r="206" spans="1:22" ht="14.45" customHeight="1" x14ac:dyDescent="0.25">
      <c r="A206" s="3" t="s">
        <v>904</v>
      </c>
      <c r="B206" s="4" t="s">
        <v>635</v>
      </c>
      <c r="C206" s="3" t="s">
        <v>636</v>
      </c>
      <c r="D206" s="5" t="s">
        <v>61</v>
      </c>
      <c r="E206" s="3" t="s">
        <v>927</v>
      </c>
      <c r="F206" s="3" t="s">
        <v>1248</v>
      </c>
      <c r="G206" s="3" t="s">
        <v>254</v>
      </c>
      <c r="H206" s="3" t="s">
        <v>29</v>
      </c>
      <c r="I206" s="3" t="s">
        <v>936</v>
      </c>
      <c r="J206" s="7" t="s">
        <v>930</v>
      </c>
      <c r="K206" s="3" t="s">
        <v>32</v>
      </c>
      <c r="L206" s="3" t="s">
        <v>33</v>
      </c>
      <c r="M206" s="3" t="s">
        <v>931</v>
      </c>
      <c r="N206" s="3" t="s">
        <v>234</v>
      </c>
      <c r="O206" s="3" t="s">
        <v>154</v>
      </c>
      <c r="P206" s="3" t="s">
        <v>37</v>
      </c>
      <c r="Q206" s="3" t="s">
        <v>37</v>
      </c>
      <c r="R206" s="3" t="s">
        <v>39</v>
      </c>
      <c r="S206" s="3" t="s">
        <v>1249</v>
      </c>
      <c r="T206" s="3" t="s">
        <v>37</v>
      </c>
      <c r="U206" s="3" t="s">
        <v>37</v>
      </c>
      <c r="V206" s="3" t="s">
        <v>37</v>
      </c>
    </row>
    <row r="207" spans="1:22" ht="14.45" customHeight="1" x14ac:dyDescent="0.25">
      <c r="A207" s="3" t="s">
        <v>904</v>
      </c>
      <c r="B207" s="4" t="s">
        <v>635</v>
      </c>
      <c r="C207" s="3" t="s">
        <v>636</v>
      </c>
      <c r="D207" s="5" t="s">
        <v>926</v>
      </c>
      <c r="E207" s="3" t="s">
        <v>495</v>
      </c>
      <c r="F207" s="3" t="s">
        <v>1041</v>
      </c>
      <c r="G207" s="3" t="s">
        <v>591</v>
      </c>
      <c r="H207" s="3" t="s">
        <v>133</v>
      </c>
      <c r="I207" s="3" t="s">
        <v>497</v>
      </c>
      <c r="J207" s="3" t="s">
        <v>1042</v>
      </c>
      <c r="K207" s="3" t="s">
        <v>32</v>
      </c>
      <c r="L207" s="3" t="s">
        <v>37</v>
      </c>
      <c r="M207" s="3" t="s">
        <v>34</v>
      </c>
      <c r="N207" s="3" t="s">
        <v>153</v>
      </c>
      <c r="O207" s="3" t="s">
        <v>105</v>
      </c>
      <c r="P207" s="3" t="s">
        <v>37</v>
      </c>
      <c r="Q207" s="3" t="s">
        <v>37</v>
      </c>
      <c r="R207" s="3" t="s">
        <v>39</v>
      </c>
      <c r="S207" s="3" t="s">
        <v>1043</v>
      </c>
      <c r="T207" s="3" t="s">
        <v>37</v>
      </c>
      <c r="U207" s="3" t="s">
        <v>37</v>
      </c>
      <c r="V207" s="3" t="s">
        <v>37</v>
      </c>
    </row>
    <row r="208" spans="1:22" ht="14.45" customHeight="1" x14ac:dyDescent="0.25">
      <c r="A208" s="3" t="s">
        <v>904</v>
      </c>
      <c r="B208" s="4" t="s">
        <v>635</v>
      </c>
      <c r="C208" s="3" t="s">
        <v>636</v>
      </c>
      <c r="D208" s="5" t="s">
        <v>942</v>
      </c>
      <c r="E208" s="3" t="s">
        <v>922</v>
      </c>
      <c r="F208" s="3" t="s">
        <v>923</v>
      </c>
      <c r="G208" s="3" t="s">
        <v>49</v>
      </c>
      <c r="H208" s="3" t="s">
        <v>29</v>
      </c>
      <c r="I208" s="3" t="s">
        <v>37</v>
      </c>
      <c r="J208" s="3" t="s">
        <v>924</v>
      </c>
      <c r="K208" s="3" t="s">
        <v>32</v>
      </c>
      <c r="L208" s="3" t="s">
        <v>33</v>
      </c>
      <c r="M208" s="3" t="s">
        <v>74</v>
      </c>
      <c r="N208" s="3" t="s">
        <v>75</v>
      </c>
      <c r="O208" s="3" t="s">
        <v>53</v>
      </c>
      <c r="P208" s="3" t="s">
        <v>37</v>
      </c>
      <c r="Q208" s="3" t="s">
        <v>37</v>
      </c>
      <c r="R208" s="3" t="s">
        <v>39</v>
      </c>
      <c r="S208" s="3" t="s">
        <v>925</v>
      </c>
      <c r="T208" s="3" t="s">
        <v>37</v>
      </c>
      <c r="U208" s="3" t="s">
        <v>37</v>
      </c>
      <c r="V208" s="3" t="s">
        <v>37</v>
      </c>
    </row>
    <row r="209" spans="1:22" ht="14.45" customHeight="1" x14ac:dyDescent="0.25">
      <c r="A209" s="3" t="s">
        <v>904</v>
      </c>
      <c r="B209" s="4" t="s">
        <v>635</v>
      </c>
      <c r="C209" s="3" t="s">
        <v>636</v>
      </c>
      <c r="D209" s="5" t="s">
        <v>951</v>
      </c>
      <c r="E209" s="3" t="s">
        <v>922</v>
      </c>
      <c r="F209" s="3" t="s">
        <v>1398</v>
      </c>
      <c r="G209" s="3" t="s">
        <v>935</v>
      </c>
      <c r="H209" s="3" t="s">
        <v>29</v>
      </c>
      <c r="I209" s="3" t="s">
        <v>37</v>
      </c>
      <c r="J209" s="8" t="s">
        <v>987</v>
      </c>
      <c r="K209" s="3" t="s">
        <v>32</v>
      </c>
      <c r="L209" s="3" t="s">
        <v>33</v>
      </c>
      <c r="M209" s="3" t="s">
        <v>74</v>
      </c>
      <c r="N209" s="3" t="s">
        <v>75</v>
      </c>
      <c r="O209" s="3" t="s">
        <v>53</v>
      </c>
      <c r="P209" s="3" t="s">
        <v>37</v>
      </c>
      <c r="Q209" s="3" t="s">
        <v>37</v>
      </c>
      <c r="R209" s="3" t="s">
        <v>39</v>
      </c>
      <c r="S209" s="3" t="s">
        <v>1399</v>
      </c>
      <c r="T209" s="3" t="s">
        <v>37</v>
      </c>
      <c r="U209" s="3" t="s">
        <v>37</v>
      </c>
      <c r="V209" s="3" t="s">
        <v>37</v>
      </c>
    </row>
    <row r="210" spans="1:22" ht="14.45" customHeight="1" x14ac:dyDescent="0.25">
      <c r="A210" s="3" t="s">
        <v>904</v>
      </c>
      <c r="B210" s="4" t="s">
        <v>635</v>
      </c>
      <c r="C210" s="3" t="s">
        <v>636</v>
      </c>
      <c r="D210" s="5" t="s">
        <v>956</v>
      </c>
      <c r="E210" s="3" t="s">
        <v>922</v>
      </c>
      <c r="F210" s="3" t="s">
        <v>966</v>
      </c>
      <c r="G210" s="3" t="s">
        <v>232</v>
      </c>
      <c r="H210" s="3" t="s">
        <v>29</v>
      </c>
      <c r="I210" s="3" t="s">
        <v>37</v>
      </c>
      <c r="J210" s="3" t="s">
        <v>967</v>
      </c>
      <c r="K210" s="3" t="s">
        <v>32</v>
      </c>
      <c r="L210" s="3" t="s">
        <v>33</v>
      </c>
      <c r="M210" s="3" t="s">
        <v>74</v>
      </c>
      <c r="N210" s="3" t="s">
        <v>75</v>
      </c>
      <c r="O210" s="3" t="s">
        <v>53</v>
      </c>
      <c r="P210" s="3" t="s">
        <v>37</v>
      </c>
      <c r="Q210" s="3" t="s">
        <v>37</v>
      </c>
      <c r="R210" s="3" t="s">
        <v>39</v>
      </c>
      <c r="S210" s="3" t="s">
        <v>968</v>
      </c>
      <c r="T210" s="3" t="s">
        <v>37</v>
      </c>
      <c r="U210" s="3" t="s">
        <v>37</v>
      </c>
      <c r="V210" s="3" t="s">
        <v>37</v>
      </c>
    </row>
    <row r="211" spans="1:22" ht="14.45" customHeight="1" x14ac:dyDescent="0.25">
      <c r="A211" s="3" t="s">
        <v>904</v>
      </c>
      <c r="B211" s="4" t="s">
        <v>635</v>
      </c>
      <c r="C211" s="3" t="s">
        <v>636</v>
      </c>
      <c r="D211" s="5" t="s">
        <v>960</v>
      </c>
      <c r="E211" s="3" t="s">
        <v>1400</v>
      </c>
      <c r="F211" s="3" t="s">
        <v>37</v>
      </c>
      <c r="G211" s="9">
        <v>1</v>
      </c>
      <c r="H211" s="9">
        <v>0</v>
      </c>
      <c r="I211" s="3" t="s">
        <v>1401</v>
      </c>
      <c r="J211" s="3" t="s">
        <v>1402</v>
      </c>
      <c r="K211" s="3" t="s">
        <v>33</v>
      </c>
      <c r="L211" s="3" t="s">
        <v>33</v>
      </c>
      <c r="M211" s="3" t="s">
        <v>74</v>
      </c>
      <c r="N211" s="3" t="s">
        <v>1403</v>
      </c>
      <c r="O211" s="3" t="s">
        <v>1404</v>
      </c>
      <c r="P211" s="3" t="s">
        <v>37</v>
      </c>
      <c r="Q211" s="3" t="s">
        <v>37</v>
      </c>
      <c r="R211" s="3" t="s">
        <v>39</v>
      </c>
      <c r="S211" s="3" t="s">
        <v>1405</v>
      </c>
      <c r="T211" s="3" t="s">
        <v>37</v>
      </c>
      <c r="U211" s="3" t="s">
        <v>37</v>
      </c>
      <c r="V211" s="3" t="s">
        <v>37</v>
      </c>
    </row>
    <row r="212" spans="1:22" ht="14.45" customHeight="1" x14ac:dyDescent="0.25">
      <c r="A212" s="3" t="s">
        <v>904</v>
      </c>
      <c r="B212" s="4" t="s">
        <v>635</v>
      </c>
      <c r="C212" s="3" t="s">
        <v>636</v>
      </c>
      <c r="D212" s="5" t="s">
        <v>969</v>
      </c>
      <c r="E212" s="3" t="s">
        <v>1406</v>
      </c>
      <c r="F212" s="3" t="s">
        <v>37</v>
      </c>
      <c r="G212" s="9">
        <v>1</v>
      </c>
      <c r="H212" s="9">
        <v>0</v>
      </c>
      <c r="I212" s="3" t="s">
        <v>1407</v>
      </c>
      <c r="J212" s="3" t="s">
        <v>1408</v>
      </c>
      <c r="K212" s="3" t="s">
        <v>290</v>
      </c>
      <c r="L212" s="3" t="s">
        <v>33</v>
      </c>
      <c r="M212" s="3" t="s">
        <v>74</v>
      </c>
      <c r="N212" s="3" t="s">
        <v>370</v>
      </c>
      <c r="O212" s="3" t="s">
        <v>1409</v>
      </c>
      <c r="P212" s="3" t="s">
        <v>37</v>
      </c>
      <c r="Q212" s="3" t="s">
        <v>37</v>
      </c>
      <c r="R212" s="3" t="s">
        <v>39</v>
      </c>
      <c r="S212" s="3" t="s">
        <v>1410</v>
      </c>
      <c r="T212" s="3" t="s">
        <v>37</v>
      </c>
      <c r="U212" s="3" t="s">
        <v>37</v>
      </c>
      <c r="V212" s="3" t="s">
        <v>37</v>
      </c>
    </row>
    <row r="213" spans="1:22" ht="14.45" customHeight="1" x14ac:dyDescent="0.25">
      <c r="A213" s="3" t="s">
        <v>904</v>
      </c>
      <c r="B213" s="4" t="s">
        <v>635</v>
      </c>
      <c r="C213" s="3" t="s">
        <v>636</v>
      </c>
      <c r="D213" s="5" t="s">
        <v>975</v>
      </c>
      <c r="E213" s="3" t="s">
        <v>495</v>
      </c>
      <c r="F213" s="3" t="s">
        <v>1411</v>
      </c>
      <c r="G213" s="3" t="s">
        <v>58</v>
      </c>
      <c r="H213" s="3" t="s">
        <v>29</v>
      </c>
      <c r="I213" s="3" t="s">
        <v>1066</v>
      </c>
      <c r="J213" s="3" t="s">
        <v>1412</v>
      </c>
      <c r="K213" s="3" t="s">
        <v>32</v>
      </c>
      <c r="L213" s="3" t="s">
        <v>1068</v>
      </c>
      <c r="M213" s="3" t="s">
        <v>34</v>
      </c>
      <c r="N213" s="3" t="s">
        <v>52</v>
      </c>
      <c r="O213" s="3" t="s">
        <v>105</v>
      </c>
      <c r="P213" s="3" t="s">
        <v>37</v>
      </c>
      <c r="Q213" s="3" t="s">
        <v>37</v>
      </c>
      <c r="R213" s="3" t="s">
        <v>39</v>
      </c>
      <c r="S213" s="3" t="s">
        <v>1413</v>
      </c>
      <c r="T213" s="3" t="s">
        <v>37</v>
      </c>
      <c r="U213" s="3" t="s">
        <v>37</v>
      </c>
      <c r="V213" s="3" t="s">
        <v>37</v>
      </c>
    </row>
    <row r="214" spans="1:22" ht="14.45" customHeight="1" x14ac:dyDescent="0.25">
      <c r="A214" s="3" t="s">
        <v>904</v>
      </c>
      <c r="B214" s="4" t="s">
        <v>635</v>
      </c>
      <c r="C214" s="3" t="s">
        <v>636</v>
      </c>
      <c r="D214" s="5" t="s">
        <v>979</v>
      </c>
      <c r="E214" s="3" t="s">
        <v>495</v>
      </c>
      <c r="F214" s="3" t="s">
        <v>1414</v>
      </c>
      <c r="G214" s="3" t="s">
        <v>226</v>
      </c>
      <c r="H214" s="3" t="s">
        <v>29</v>
      </c>
      <c r="I214" s="3" t="s">
        <v>1348</v>
      </c>
      <c r="J214" s="3" t="s">
        <v>1415</v>
      </c>
      <c r="K214" s="3" t="s">
        <v>32</v>
      </c>
      <c r="L214" s="3" t="s">
        <v>1068</v>
      </c>
      <c r="M214" s="3" t="s">
        <v>34</v>
      </c>
      <c r="N214" s="3" t="s">
        <v>52</v>
      </c>
      <c r="O214" s="3" t="s">
        <v>105</v>
      </c>
      <c r="P214" s="3" t="s">
        <v>37</v>
      </c>
      <c r="Q214" s="3" t="s">
        <v>37</v>
      </c>
      <c r="R214" s="3" t="s">
        <v>39</v>
      </c>
      <c r="S214" s="3" t="s">
        <v>1416</v>
      </c>
      <c r="T214" s="3" t="s">
        <v>37</v>
      </c>
      <c r="U214" s="3" t="s">
        <v>37</v>
      </c>
      <c r="V214" s="3" t="s">
        <v>37</v>
      </c>
    </row>
    <row r="215" spans="1:22" ht="14.45" customHeight="1" x14ac:dyDescent="0.25">
      <c r="A215" s="3" t="s">
        <v>904</v>
      </c>
      <c r="B215" s="4" t="s">
        <v>635</v>
      </c>
      <c r="C215" s="3" t="s">
        <v>636</v>
      </c>
      <c r="D215" s="5" t="s">
        <v>120</v>
      </c>
      <c r="E215" s="3" t="s">
        <v>1226</v>
      </c>
      <c r="F215" s="3" t="s">
        <v>1417</v>
      </c>
      <c r="G215" s="3" t="s">
        <v>232</v>
      </c>
      <c r="H215" s="3" t="s">
        <v>29</v>
      </c>
      <c r="I215" s="3" t="s">
        <v>1228</v>
      </c>
      <c r="J215" s="3" t="s">
        <v>1418</v>
      </c>
      <c r="K215" s="3" t="s">
        <v>32</v>
      </c>
      <c r="L215" s="3" t="s">
        <v>33</v>
      </c>
      <c r="M215" s="3" t="s">
        <v>74</v>
      </c>
      <c r="N215" s="3" t="s">
        <v>75</v>
      </c>
      <c r="O215" s="3" t="s">
        <v>36</v>
      </c>
      <c r="P215" s="3" t="s">
        <v>37</v>
      </c>
      <c r="Q215" s="3" t="s">
        <v>37</v>
      </c>
      <c r="R215" s="3" t="s">
        <v>39</v>
      </c>
      <c r="S215" s="3" t="s">
        <v>1419</v>
      </c>
      <c r="T215" s="3" t="s">
        <v>37</v>
      </c>
      <c r="U215" s="3" t="s">
        <v>37</v>
      </c>
      <c r="V215" s="3" t="s">
        <v>37</v>
      </c>
    </row>
    <row r="216" spans="1:22" ht="14.45" customHeight="1" x14ac:dyDescent="0.25">
      <c r="A216" s="3" t="s">
        <v>904</v>
      </c>
      <c r="B216" s="4" t="s">
        <v>635</v>
      </c>
      <c r="C216" s="3" t="s">
        <v>636</v>
      </c>
      <c r="D216" s="5" t="s">
        <v>466</v>
      </c>
      <c r="E216" s="3" t="s">
        <v>1226</v>
      </c>
      <c r="F216" s="3" t="s">
        <v>1420</v>
      </c>
      <c r="G216" s="3" t="s">
        <v>58</v>
      </c>
      <c r="H216" s="3" t="s">
        <v>29</v>
      </c>
      <c r="I216" s="3" t="s">
        <v>1228</v>
      </c>
      <c r="J216" s="3" t="s">
        <v>1421</v>
      </c>
      <c r="K216" s="3" t="s">
        <v>32</v>
      </c>
      <c r="L216" s="3" t="s">
        <v>33</v>
      </c>
      <c r="M216" s="3" t="s">
        <v>74</v>
      </c>
      <c r="N216" s="3" t="s">
        <v>75</v>
      </c>
      <c r="O216" s="3" t="s">
        <v>36</v>
      </c>
      <c r="P216" s="3" t="s">
        <v>37</v>
      </c>
      <c r="Q216" s="3" t="s">
        <v>37</v>
      </c>
      <c r="R216" s="3" t="s">
        <v>39</v>
      </c>
      <c r="S216" s="3" t="s">
        <v>1422</v>
      </c>
      <c r="T216" s="3" t="s">
        <v>37</v>
      </c>
      <c r="U216" s="3" t="s">
        <v>37</v>
      </c>
      <c r="V216" s="3" t="s">
        <v>37</v>
      </c>
    </row>
    <row r="217" spans="1:22" ht="14.45" customHeight="1" x14ac:dyDescent="0.25">
      <c r="A217" s="3" t="s">
        <v>904</v>
      </c>
      <c r="B217" s="4" t="s">
        <v>635</v>
      </c>
      <c r="C217" s="3" t="s">
        <v>636</v>
      </c>
      <c r="D217" s="5" t="s">
        <v>129</v>
      </c>
      <c r="E217" s="3" t="s">
        <v>927</v>
      </c>
      <c r="F217" s="3" t="s">
        <v>1193</v>
      </c>
      <c r="G217" s="3" t="s">
        <v>207</v>
      </c>
      <c r="H217" s="3" t="s">
        <v>29</v>
      </c>
      <c r="I217" s="3" t="s">
        <v>929</v>
      </c>
      <c r="J217" s="3" t="s">
        <v>1194</v>
      </c>
      <c r="K217" s="3" t="s">
        <v>32</v>
      </c>
      <c r="L217" s="3" t="s">
        <v>33</v>
      </c>
      <c r="M217" s="3" t="s">
        <v>931</v>
      </c>
      <c r="N217" s="3" t="s">
        <v>234</v>
      </c>
      <c r="O217" s="3" t="s">
        <v>154</v>
      </c>
      <c r="P217" s="3" t="s">
        <v>37</v>
      </c>
      <c r="Q217" s="3" t="s">
        <v>37</v>
      </c>
      <c r="R217" s="3" t="s">
        <v>39</v>
      </c>
      <c r="S217" s="3" t="s">
        <v>1195</v>
      </c>
      <c r="T217" s="3" t="s">
        <v>37</v>
      </c>
      <c r="U217" s="3" t="s">
        <v>37</v>
      </c>
      <c r="V217" s="3" t="s">
        <v>37</v>
      </c>
    </row>
    <row r="218" spans="1:22" ht="14.45" customHeight="1" x14ac:dyDescent="0.25">
      <c r="A218" s="3" t="s">
        <v>904</v>
      </c>
      <c r="B218" s="4" t="s">
        <v>635</v>
      </c>
      <c r="C218" s="3" t="s">
        <v>636</v>
      </c>
      <c r="D218" s="5" t="s">
        <v>680</v>
      </c>
      <c r="E218" s="3" t="s">
        <v>927</v>
      </c>
      <c r="F218" s="3" t="s">
        <v>1139</v>
      </c>
      <c r="G218" s="3" t="s">
        <v>478</v>
      </c>
      <c r="H218" s="3" t="s">
        <v>29</v>
      </c>
      <c r="I218" s="3" t="s">
        <v>929</v>
      </c>
      <c r="J218" s="7" t="s">
        <v>930</v>
      </c>
      <c r="K218" s="3" t="s">
        <v>32</v>
      </c>
      <c r="L218" s="3" t="s">
        <v>33</v>
      </c>
      <c r="M218" s="3" t="s">
        <v>931</v>
      </c>
      <c r="N218" s="3" t="s">
        <v>234</v>
      </c>
      <c r="O218" s="3" t="s">
        <v>154</v>
      </c>
      <c r="P218" s="3" t="s">
        <v>37</v>
      </c>
      <c r="Q218" s="3" t="s">
        <v>37</v>
      </c>
      <c r="R218" s="3" t="s">
        <v>39</v>
      </c>
      <c r="S218" s="3" t="s">
        <v>1140</v>
      </c>
      <c r="T218" s="3" t="s">
        <v>37</v>
      </c>
      <c r="U218" s="3" t="s">
        <v>37</v>
      </c>
      <c r="V218" s="3" t="s">
        <v>37</v>
      </c>
    </row>
    <row r="219" spans="1:22" ht="14.45" customHeight="1" x14ac:dyDescent="0.25">
      <c r="A219" s="3" t="s">
        <v>904</v>
      </c>
      <c r="B219" s="4" t="s">
        <v>635</v>
      </c>
      <c r="C219" s="3" t="s">
        <v>636</v>
      </c>
      <c r="D219" s="5" t="s">
        <v>1239</v>
      </c>
      <c r="E219" s="3" t="s">
        <v>927</v>
      </c>
      <c r="F219" s="3" t="s">
        <v>1189</v>
      </c>
      <c r="G219" s="3" t="s">
        <v>807</v>
      </c>
      <c r="H219" s="3" t="s">
        <v>29</v>
      </c>
      <c r="I219" s="3" t="s">
        <v>936</v>
      </c>
      <c r="J219" s="7" t="s">
        <v>930</v>
      </c>
      <c r="K219" s="3" t="s">
        <v>32</v>
      </c>
      <c r="L219" s="3" t="s">
        <v>33</v>
      </c>
      <c r="M219" s="3" t="s">
        <v>931</v>
      </c>
      <c r="N219" s="3" t="s">
        <v>234</v>
      </c>
      <c r="O219" s="3" t="s">
        <v>154</v>
      </c>
      <c r="P219" s="3" t="s">
        <v>37</v>
      </c>
      <c r="Q219" s="3" t="s">
        <v>37</v>
      </c>
      <c r="R219" s="3" t="s">
        <v>39</v>
      </c>
      <c r="S219" s="3" t="s">
        <v>1190</v>
      </c>
      <c r="T219" s="3" t="s">
        <v>37</v>
      </c>
      <c r="U219" s="3" t="s">
        <v>37</v>
      </c>
      <c r="V219" s="3" t="s">
        <v>37</v>
      </c>
    </row>
    <row r="220" spans="1:22" ht="14.45" customHeight="1" x14ac:dyDescent="0.25">
      <c r="A220" s="3" t="s">
        <v>904</v>
      </c>
      <c r="B220" s="4" t="s">
        <v>635</v>
      </c>
      <c r="C220" s="3" t="s">
        <v>636</v>
      </c>
      <c r="D220" s="5" t="s">
        <v>992</v>
      </c>
      <c r="E220" s="3" t="s">
        <v>927</v>
      </c>
      <c r="F220" s="3" t="s">
        <v>928</v>
      </c>
      <c r="G220" s="3" t="s">
        <v>294</v>
      </c>
      <c r="H220" s="3" t="s">
        <v>29</v>
      </c>
      <c r="I220" s="3" t="s">
        <v>929</v>
      </c>
      <c r="J220" s="7" t="s">
        <v>930</v>
      </c>
      <c r="K220" s="3" t="s">
        <v>32</v>
      </c>
      <c r="L220" s="3" t="s">
        <v>33</v>
      </c>
      <c r="M220" s="3" t="s">
        <v>931</v>
      </c>
      <c r="N220" s="3" t="s">
        <v>234</v>
      </c>
      <c r="O220" s="3" t="s">
        <v>154</v>
      </c>
      <c r="P220" s="3" t="s">
        <v>37</v>
      </c>
      <c r="Q220" s="3" t="s">
        <v>37</v>
      </c>
      <c r="R220" s="3" t="s">
        <v>39</v>
      </c>
      <c r="S220" s="3" t="s">
        <v>932</v>
      </c>
      <c r="T220" s="3" t="s">
        <v>37</v>
      </c>
      <c r="U220" s="3" t="s">
        <v>37</v>
      </c>
      <c r="V220" s="3" t="s">
        <v>37</v>
      </c>
    </row>
    <row r="221" spans="1:22" ht="14.45" customHeight="1" x14ac:dyDescent="0.25">
      <c r="A221" s="3" t="s">
        <v>904</v>
      </c>
      <c r="B221" s="4" t="s">
        <v>635</v>
      </c>
      <c r="C221" s="3" t="s">
        <v>636</v>
      </c>
      <c r="D221" s="5" t="s">
        <v>1244</v>
      </c>
      <c r="E221" s="3" t="s">
        <v>927</v>
      </c>
      <c r="F221" s="3" t="s">
        <v>1318</v>
      </c>
      <c r="G221" s="3" t="s">
        <v>49</v>
      </c>
      <c r="H221" s="3" t="s">
        <v>29</v>
      </c>
      <c r="I221" s="3" t="s">
        <v>936</v>
      </c>
      <c r="J221" s="7" t="s">
        <v>930</v>
      </c>
      <c r="K221" s="3" t="s">
        <v>32</v>
      </c>
      <c r="L221" s="3" t="s">
        <v>33</v>
      </c>
      <c r="M221" s="3" t="s">
        <v>931</v>
      </c>
      <c r="N221" s="3" t="s">
        <v>234</v>
      </c>
      <c r="O221" s="3" t="s">
        <v>154</v>
      </c>
      <c r="P221" s="3" t="s">
        <v>37</v>
      </c>
      <c r="Q221" s="3" t="s">
        <v>37</v>
      </c>
      <c r="R221" s="3" t="s">
        <v>39</v>
      </c>
      <c r="S221" s="3" t="s">
        <v>1319</v>
      </c>
      <c r="T221" s="3" t="s">
        <v>37</v>
      </c>
      <c r="U221" s="3" t="s">
        <v>37</v>
      </c>
      <c r="V221" s="3" t="s">
        <v>37</v>
      </c>
    </row>
    <row r="222" spans="1:22" ht="14.45" customHeight="1" x14ac:dyDescent="0.25">
      <c r="A222" s="3" t="s">
        <v>904</v>
      </c>
      <c r="B222" s="4" t="s">
        <v>635</v>
      </c>
      <c r="C222" s="3" t="s">
        <v>636</v>
      </c>
      <c r="D222" s="5" t="s">
        <v>143</v>
      </c>
      <c r="E222" s="3" t="s">
        <v>927</v>
      </c>
      <c r="F222" s="3" t="s">
        <v>1141</v>
      </c>
      <c r="G222" s="3" t="s">
        <v>173</v>
      </c>
      <c r="H222" s="3" t="s">
        <v>29</v>
      </c>
      <c r="I222" s="3" t="s">
        <v>936</v>
      </c>
      <c r="J222" s="7" t="s">
        <v>930</v>
      </c>
      <c r="K222" s="3" t="s">
        <v>32</v>
      </c>
      <c r="L222" s="3" t="s">
        <v>33</v>
      </c>
      <c r="M222" s="3" t="s">
        <v>931</v>
      </c>
      <c r="N222" s="3" t="s">
        <v>234</v>
      </c>
      <c r="O222" s="3" t="s">
        <v>154</v>
      </c>
      <c r="P222" s="3" t="s">
        <v>37</v>
      </c>
      <c r="Q222" s="3" t="s">
        <v>37</v>
      </c>
      <c r="R222" s="3" t="s">
        <v>39</v>
      </c>
      <c r="S222" s="3" t="s">
        <v>1142</v>
      </c>
      <c r="T222" s="3" t="s">
        <v>37</v>
      </c>
      <c r="U222" s="3" t="s">
        <v>37</v>
      </c>
      <c r="V222" s="3" t="s">
        <v>37</v>
      </c>
    </row>
    <row r="223" spans="1:22" ht="14.45" customHeight="1" x14ac:dyDescent="0.25">
      <c r="A223" s="3" t="s">
        <v>904</v>
      </c>
      <c r="B223" s="4" t="s">
        <v>635</v>
      </c>
      <c r="C223" s="3" t="s">
        <v>636</v>
      </c>
      <c r="D223" s="5" t="s">
        <v>148</v>
      </c>
      <c r="E223" s="3" t="s">
        <v>1028</v>
      </c>
      <c r="F223" s="3" t="s">
        <v>1423</v>
      </c>
      <c r="G223" s="3" t="s">
        <v>661</v>
      </c>
      <c r="H223" s="3" t="s">
        <v>207</v>
      </c>
      <c r="I223" s="3" t="s">
        <v>37</v>
      </c>
      <c r="J223" s="3" t="s">
        <v>1424</v>
      </c>
      <c r="K223" s="3" t="s">
        <v>32</v>
      </c>
      <c r="L223" s="3" t="s">
        <v>33</v>
      </c>
      <c r="M223" s="3" t="s">
        <v>74</v>
      </c>
      <c r="N223" s="3" t="s">
        <v>296</v>
      </c>
      <c r="O223" s="3" t="s">
        <v>36</v>
      </c>
      <c r="P223" s="3" t="s">
        <v>37</v>
      </c>
      <c r="Q223" s="3" t="s">
        <v>37</v>
      </c>
      <c r="R223" s="3" t="s">
        <v>39</v>
      </c>
      <c r="S223" s="3" t="s">
        <v>1425</v>
      </c>
      <c r="T223" s="3" t="s">
        <v>37</v>
      </c>
      <c r="U223" s="3" t="s">
        <v>37</v>
      </c>
      <c r="V223" s="3" t="s">
        <v>37</v>
      </c>
    </row>
    <row r="224" spans="1:22" ht="14.45" customHeight="1" x14ac:dyDescent="0.25">
      <c r="A224" s="3" t="s">
        <v>904</v>
      </c>
      <c r="B224" s="4" t="s">
        <v>635</v>
      </c>
      <c r="C224" s="3" t="s">
        <v>636</v>
      </c>
      <c r="D224" s="5" t="s">
        <v>160</v>
      </c>
      <c r="E224" s="3" t="s">
        <v>495</v>
      </c>
      <c r="F224" s="3" t="s">
        <v>1426</v>
      </c>
      <c r="G224" s="3" t="s">
        <v>139</v>
      </c>
      <c r="H224" s="3" t="s">
        <v>133</v>
      </c>
      <c r="I224" s="3" t="s">
        <v>497</v>
      </c>
      <c r="J224" s="3" t="s">
        <v>1427</v>
      </c>
      <c r="K224" s="3" t="s">
        <v>32</v>
      </c>
      <c r="L224" s="3" t="s">
        <v>37</v>
      </c>
      <c r="M224" s="3" t="s">
        <v>34</v>
      </c>
      <c r="N224" s="3" t="s">
        <v>153</v>
      </c>
      <c r="O224" s="3" t="s">
        <v>105</v>
      </c>
      <c r="P224" s="3" t="s">
        <v>37</v>
      </c>
      <c r="Q224" s="3" t="s">
        <v>37</v>
      </c>
      <c r="R224" s="3" t="s">
        <v>39</v>
      </c>
      <c r="S224" s="3" t="s">
        <v>1428</v>
      </c>
      <c r="T224" s="3" t="s">
        <v>37</v>
      </c>
      <c r="U224" s="3" t="s">
        <v>37</v>
      </c>
      <c r="V224" s="3" t="s">
        <v>37</v>
      </c>
    </row>
    <row r="225" spans="1:22" ht="14.45" customHeight="1" x14ac:dyDescent="0.25">
      <c r="A225" s="3" t="s">
        <v>904</v>
      </c>
      <c r="B225" s="4" t="s">
        <v>635</v>
      </c>
      <c r="C225" s="3" t="s">
        <v>636</v>
      </c>
      <c r="D225" s="5" t="s">
        <v>1003</v>
      </c>
      <c r="E225" s="3" t="s">
        <v>927</v>
      </c>
      <c r="F225" s="3" t="s">
        <v>1429</v>
      </c>
      <c r="G225" s="3" t="s">
        <v>581</v>
      </c>
      <c r="H225" s="3" t="s">
        <v>29</v>
      </c>
      <c r="I225" s="3" t="s">
        <v>929</v>
      </c>
      <c r="J225" s="7" t="s">
        <v>930</v>
      </c>
      <c r="K225" s="3" t="s">
        <v>32</v>
      </c>
      <c r="L225" s="3" t="s">
        <v>33</v>
      </c>
      <c r="M225" s="3" t="s">
        <v>931</v>
      </c>
      <c r="N225" s="3" t="s">
        <v>234</v>
      </c>
      <c r="O225" s="3" t="s">
        <v>154</v>
      </c>
      <c r="P225" s="3" t="s">
        <v>37</v>
      </c>
      <c r="Q225" s="3" t="s">
        <v>37</v>
      </c>
      <c r="R225" s="3" t="s">
        <v>39</v>
      </c>
      <c r="S225" s="3" t="s">
        <v>1430</v>
      </c>
      <c r="T225" s="3" t="s">
        <v>282</v>
      </c>
      <c r="U225" s="3" t="s">
        <v>37</v>
      </c>
      <c r="V225" s="3" t="s">
        <v>37</v>
      </c>
    </row>
    <row r="226" spans="1:22" ht="14.45" customHeight="1" x14ac:dyDescent="0.25">
      <c r="A226" s="3" t="s">
        <v>904</v>
      </c>
      <c r="B226" s="4" t="s">
        <v>635</v>
      </c>
      <c r="C226" s="3" t="s">
        <v>636</v>
      </c>
      <c r="D226" s="5" t="s">
        <v>171</v>
      </c>
      <c r="E226" s="3" t="s">
        <v>927</v>
      </c>
      <c r="F226" s="3" t="s">
        <v>1366</v>
      </c>
      <c r="G226" s="3" t="s">
        <v>226</v>
      </c>
      <c r="H226" s="3" t="s">
        <v>29</v>
      </c>
      <c r="I226" s="3" t="s">
        <v>929</v>
      </c>
      <c r="J226" s="7" t="s">
        <v>930</v>
      </c>
      <c r="K226" s="3" t="s">
        <v>32</v>
      </c>
      <c r="L226" s="3" t="s">
        <v>33</v>
      </c>
      <c r="M226" s="3" t="s">
        <v>931</v>
      </c>
      <c r="N226" s="3" t="s">
        <v>234</v>
      </c>
      <c r="O226" s="3" t="s">
        <v>154</v>
      </c>
      <c r="P226" s="3" t="s">
        <v>37</v>
      </c>
      <c r="Q226" s="3" t="s">
        <v>37</v>
      </c>
      <c r="R226" s="3" t="s">
        <v>39</v>
      </c>
      <c r="S226" s="3" t="s">
        <v>1367</v>
      </c>
      <c r="T226" s="3" t="s">
        <v>37</v>
      </c>
      <c r="U226" s="3" t="s">
        <v>37</v>
      </c>
      <c r="V226" s="3" t="s">
        <v>37</v>
      </c>
    </row>
    <row r="227" spans="1:22" ht="14.45" customHeight="1" x14ac:dyDescent="0.25">
      <c r="A227" s="3" t="s">
        <v>904</v>
      </c>
      <c r="B227" s="4" t="s">
        <v>635</v>
      </c>
      <c r="C227" s="3" t="s">
        <v>636</v>
      </c>
      <c r="D227" s="5" t="s">
        <v>1010</v>
      </c>
      <c r="E227" s="3" t="s">
        <v>927</v>
      </c>
      <c r="F227" s="3" t="s">
        <v>1264</v>
      </c>
      <c r="G227" s="3" t="s">
        <v>197</v>
      </c>
      <c r="H227" s="3" t="s">
        <v>29</v>
      </c>
      <c r="I227" s="3" t="s">
        <v>936</v>
      </c>
      <c r="J227" s="7" t="s">
        <v>930</v>
      </c>
      <c r="K227" s="3" t="s">
        <v>32</v>
      </c>
      <c r="L227" s="3" t="s">
        <v>33</v>
      </c>
      <c r="M227" s="3" t="s">
        <v>931</v>
      </c>
      <c r="N227" s="3" t="s">
        <v>234</v>
      </c>
      <c r="O227" s="3" t="s">
        <v>154</v>
      </c>
      <c r="P227" s="3" t="s">
        <v>37</v>
      </c>
      <c r="Q227" s="3" t="s">
        <v>37</v>
      </c>
      <c r="R227" s="3" t="s">
        <v>39</v>
      </c>
      <c r="S227" s="3" t="s">
        <v>1265</v>
      </c>
      <c r="T227" s="3" t="s">
        <v>37</v>
      </c>
      <c r="U227" s="3" t="s">
        <v>37</v>
      </c>
      <c r="V227" s="3" t="s">
        <v>37</v>
      </c>
    </row>
    <row r="228" spans="1:22" ht="14.45" customHeight="1" x14ac:dyDescent="0.25">
      <c r="A228" s="3" t="s">
        <v>904</v>
      </c>
      <c r="B228" s="4" t="s">
        <v>635</v>
      </c>
      <c r="C228" s="3" t="s">
        <v>636</v>
      </c>
      <c r="D228" s="5" t="s">
        <v>1014</v>
      </c>
      <c r="E228" s="3" t="s">
        <v>1226</v>
      </c>
      <c r="F228" s="3" t="s">
        <v>1431</v>
      </c>
      <c r="G228" s="3" t="s">
        <v>262</v>
      </c>
      <c r="H228" s="3" t="s">
        <v>29</v>
      </c>
      <c r="I228" s="3" t="s">
        <v>1228</v>
      </c>
      <c r="J228" s="3" t="s">
        <v>1432</v>
      </c>
      <c r="K228" s="3" t="s">
        <v>32</v>
      </c>
      <c r="L228" s="3" t="s">
        <v>33</v>
      </c>
      <c r="M228" s="3" t="s">
        <v>74</v>
      </c>
      <c r="N228" s="3" t="s">
        <v>75</v>
      </c>
      <c r="O228" s="3" t="s">
        <v>36</v>
      </c>
      <c r="P228" s="3" t="s">
        <v>37</v>
      </c>
      <c r="Q228" s="3" t="s">
        <v>37</v>
      </c>
      <c r="R228" s="3" t="s">
        <v>39</v>
      </c>
      <c r="S228" s="3" t="s">
        <v>1433</v>
      </c>
      <c r="T228" s="3" t="s">
        <v>37</v>
      </c>
      <c r="U228" s="3" t="s">
        <v>37</v>
      </c>
      <c r="V228" s="3" t="s">
        <v>37</v>
      </c>
    </row>
    <row r="229" spans="1:22" ht="14.45" customHeight="1" x14ac:dyDescent="0.25">
      <c r="A229" s="3" t="s">
        <v>904</v>
      </c>
      <c r="B229" s="4" t="s">
        <v>635</v>
      </c>
      <c r="C229" s="3" t="s">
        <v>636</v>
      </c>
      <c r="D229" s="5" t="s">
        <v>1015</v>
      </c>
      <c r="E229" s="3" t="s">
        <v>1226</v>
      </c>
      <c r="F229" s="3" t="s">
        <v>1434</v>
      </c>
      <c r="G229" s="3" t="s">
        <v>514</v>
      </c>
      <c r="H229" s="3" t="s">
        <v>133</v>
      </c>
      <c r="I229" s="3" t="s">
        <v>1435</v>
      </c>
      <c r="J229" s="3" t="s">
        <v>1270</v>
      </c>
      <c r="K229" s="3" t="s">
        <v>32</v>
      </c>
      <c r="L229" s="3" t="s">
        <v>33</v>
      </c>
      <c r="M229" s="3" t="s">
        <v>74</v>
      </c>
      <c r="N229" s="3" t="s">
        <v>234</v>
      </c>
      <c r="O229" s="3" t="s">
        <v>37</v>
      </c>
      <c r="P229" s="3" t="s">
        <v>37</v>
      </c>
      <c r="Q229" s="3" t="s">
        <v>37</v>
      </c>
      <c r="R229" s="3" t="s">
        <v>39</v>
      </c>
      <c r="S229" s="3" t="s">
        <v>1436</v>
      </c>
      <c r="T229" s="3" t="s">
        <v>282</v>
      </c>
      <c r="U229" s="3" t="s">
        <v>37</v>
      </c>
      <c r="V229" s="3" t="s">
        <v>37</v>
      </c>
    </row>
    <row r="230" spans="1:22" ht="14.45" customHeight="1" x14ac:dyDescent="0.25">
      <c r="A230" s="3" t="s">
        <v>904</v>
      </c>
      <c r="B230" s="4" t="s">
        <v>635</v>
      </c>
      <c r="C230" s="3" t="s">
        <v>636</v>
      </c>
      <c r="D230" s="5" t="s">
        <v>1272</v>
      </c>
      <c r="E230" s="3" t="s">
        <v>1226</v>
      </c>
      <c r="F230" s="3" t="s">
        <v>1373</v>
      </c>
      <c r="G230" s="3" t="s">
        <v>478</v>
      </c>
      <c r="H230" s="3" t="s">
        <v>133</v>
      </c>
      <c r="I230" s="3" t="s">
        <v>1269</v>
      </c>
      <c r="J230" s="3" t="s">
        <v>1270</v>
      </c>
      <c r="K230" s="3" t="s">
        <v>32</v>
      </c>
      <c r="L230" s="3" t="s">
        <v>33</v>
      </c>
      <c r="M230" s="3" t="s">
        <v>74</v>
      </c>
      <c r="N230" s="3" t="s">
        <v>234</v>
      </c>
      <c r="O230" s="3" t="s">
        <v>37</v>
      </c>
      <c r="P230" s="3" t="s">
        <v>37</v>
      </c>
      <c r="Q230" s="3" t="s">
        <v>37</v>
      </c>
      <c r="R230" s="3" t="s">
        <v>39</v>
      </c>
      <c r="S230" s="3" t="s">
        <v>1374</v>
      </c>
      <c r="T230" s="3" t="s">
        <v>37</v>
      </c>
      <c r="U230" s="3" t="s">
        <v>37</v>
      </c>
      <c r="V230" s="3" t="s">
        <v>37</v>
      </c>
    </row>
    <row r="231" spans="1:22" ht="14.45" customHeight="1" x14ac:dyDescent="0.25">
      <c r="A231" s="3" t="s">
        <v>904</v>
      </c>
      <c r="B231" s="4" t="s">
        <v>635</v>
      </c>
      <c r="C231" s="3" t="s">
        <v>636</v>
      </c>
      <c r="D231" s="5" t="s">
        <v>1019</v>
      </c>
      <c r="E231" s="3" t="s">
        <v>996</v>
      </c>
      <c r="F231" s="3" t="s">
        <v>1437</v>
      </c>
      <c r="G231" s="3" t="s">
        <v>696</v>
      </c>
      <c r="H231" s="3" t="s">
        <v>133</v>
      </c>
      <c r="I231" s="3" t="s">
        <v>37</v>
      </c>
      <c r="J231" s="3" t="s">
        <v>1438</v>
      </c>
      <c r="K231" s="3" t="s">
        <v>32</v>
      </c>
      <c r="L231" s="3" t="s">
        <v>33</v>
      </c>
      <c r="M231" s="3" t="s">
        <v>74</v>
      </c>
      <c r="N231" s="3" t="s">
        <v>75</v>
      </c>
      <c r="O231" s="3" t="s">
        <v>105</v>
      </c>
      <c r="P231" s="3" t="s">
        <v>37</v>
      </c>
      <c r="Q231" s="3" t="s">
        <v>37</v>
      </c>
      <c r="R231" s="3" t="s">
        <v>39</v>
      </c>
      <c r="S231" s="3" t="s">
        <v>1439</v>
      </c>
      <c r="T231" s="3"/>
      <c r="U231" s="3" t="s">
        <v>37</v>
      </c>
      <c r="V231" s="3" t="s">
        <v>37</v>
      </c>
    </row>
    <row r="232" spans="1:22" ht="14.45" customHeight="1" x14ac:dyDescent="0.25">
      <c r="A232" s="3" t="s">
        <v>904</v>
      </c>
      <c r="B232" s="4" t="s">
        <v>635</v>
      </c>
      <c r="C232" s="3" t="s">
        <v>636</v>
      </c>
      <c r="D232" s="5" t="s">
        <v>1283</v>
      </c>
      <c r="E232" s="3" t="s">
        <v>495</v>
      </c>
      <c r="F232" s="3" t="s">
        <v>1284</v>
      </c>
      <c r="G232" s="3" t="s">
        <v>1129</v>
      </c>
      <c r="H232" s="3" t="s">
        <v>207</v>
      </c>
      <c r="I232" s="3" t="s">
        <v>37</v>
      </c>
      <c r="J232" s="8" t="s">
        <v>1021</v>
      </c>
      <c r="K232" s="3" t="s">
        <v>32</v>
      </c>
      <c r="L232" s="3" t="s">
        <v>33</v>
      </c>
      <c r="M232" s="3" t="s">
        <v>34</v>
      </c>
      <c r="N232" s="3" t="s">
        <v>234</v>
      </c>
      <c r="O232" s="3" t="s">
        <v>37</v>
      </c>
      <c r="P232" s="3" t="s">
        <v>37</v>
      </c>
      <c r="Q232" s="3" t="s">
        <v>37</v>
      </c>
      <c r="R232" s="3" t="s">
        <v>39</v>
      </c>
      <c r="S232" s="3" t="s">
        <v>1440</v>
      </c>
      <c r="T232" s="3" t="s">
        <v>37</v>
      </c>
      <c r="U232" s="3" t="s">
        <v>37</v>
      </c>
      <c r="V232" s="3" t="s">
        <v>37</v>
      </c>
    </row>
    <row r="233" spans="1:22" ht="14.45" customHeight="1" x14ac:dyDescent="0.25">
      <c r="A233" s="3" t="s">
        <v>904</v>
      </c>
      <c r="B233" s="4" t="s">
        <v>635</v>
      </c>
      <c r="C233" s="3" t="s">
        <v>636</v>
      </c>
      <c r="D233" s="5" t="s">
        <v>1286</v>
      </c>
      <c r="E233" s="3" t="s">
        <v>495</v>
      </c>
      <c r="F233" s="3" t="s">
        <v>1284</v>
      </c>
      <c r="G233" s="3" t="s">
        <v>1124</v>
      </c>
      <c r="H233" s="3" t="s">
        <v>207</v>
      </c>
      <c r="I233" s="3" t="s">
        <v>37</v>
      </c>
      <c r="J233" s="8" t="s">
        <v>1021</v>
      </c>
      <c r="K233" s="3" t="s">
        <v>32</v>
      </c>
      <c r="L233" s="3" t="s">
        <v>33</v>
      </c>
      <c r="M233" s="3" t="s">
        <v>34</v>
      </c>
      <c r="N233" s="3" t="s">
        <v>234</v>
      </c>
      <c r="O233" s="3" t="s">
        <v>37</v>
      </c>
      <c r="P233" s="3" t="s">
        <v>37</v>
      </c>
      <c r="Q233" s="3" t="s">
        <v>37</v>
      </c>
      <c r="R233" s="3" t="s">
        <v>39</v>
      </c>
      <c r="S233" s="3" t="s">
        <v>1378</v>
      </c>
      <c r="T233" s="3" t="s">
        <v>37</v>
      </c>
      <c r="U233" s="3" t="s">
        <v>37</v>
      </c>
      <c r="V233" s="3" t="s">
        <v>37</v>
      </c>
    </row>
    <row r="234" spans="1:22" ht="14.45" customHeight="1" x14ac:dyDescent="0.25">
      <c r="A234" s="3" t="s">
        <v>904</v>
      </c>
      <c r="B234" s="4" t="s">
        <v>635</v>
      </c>
      <c r="C234" s="3" t="s">
        <v>636</v>
      </c>
      <c r="D234" s="5" t="s">
        <v>1023</v>
      </c>
      <c r="E234" s="3" t="s">
        <v>1024</v>
      </c>
      <c r="F234" s="3" t="s">
        <v>1441</v>
      </c>
      <c r="G234" s="3" t="s">
        <v>191</v>
      </c>
      <c r="H234" s="3" t="s">
        <v>133</v>
      </c>
      <c r="I234" s="3" t="s">
        <v>37</v>
      </c>
      <c r="J234" s="3" t="s">
        <v>1442</v>
      </c>
      <c r="K234" s="3" t="s">
        <v>32</v>
      </c>
      <c r="L234" s="3" t="s">
        <v>33</v>
      </c>
      <c r="M234" s="3" t="s">
        <v>74</v>
      </c>
      <c r="N234" s="3" t="s">
        <v>153</v>
      </c>
      <c r="O234" s="3" t="s">
        <v>53</v>
      </c>
      <c r="P234" s="3" t="s">
        <v>54</v>
      </c>
      <c r="Q234" s="3" t="s">
        <v>37</v>
      </c>
      <c r="R234" s="3" t="s">
        <v>39</v>
      </c>
      <c r="S234" s="3" t="s">
        <v>1443</v>
      </c>
      <c r="T234" s="3" t="s">
        <v>37</v>
      </c>
      <c r="U234" s="3" t="s">
        <v>37</v>
      </c>
      <c r="V234" s="3" t="s">
        <v>37</v>
      </c>
    </row>
    <row r="235" spans="1:22" ht="14.45" customHeight="1" x14ac:dyDescent="0.25">
      <c r="A235" s="3" t="s">
        <v>904</v>
      </c>
      <c r="B235" s="4" t="s">
        <v>635</v>
      </c>
      <c r="C235" s="3" t="s">
        <v>636</v>
      </c>
      <c r="D235" s="5" t="s">
        <v>201</v>
      </c>
      <c r="E235" s="3" t="s">
        <v>1028</v>
      </c>
      <c r="F235" s="3" t="s">
        <v>1444</v>
      </c>
      <c r="G235" s="3" t="s">
        <v>440</v>
      </c>
      <c r="H235" s="3" t="s">
        <v>88</v>
      </c>
      <c r="I235" s="3" t="s">
        <v>1445</v>
      </c>
      <c r="J235" s="3" t="s">
        <v>1446</v>
      </c>
      <c r="K235" s="3" t="s">
        <v>32</v>
      </c>
      <c r="L235" s="3" t="s">
        <v>33</v>
      </c>
      <c r="M235" s="3" t="s">
        <v>74</v>
      </c>
      <c r="N235" s="3" t="s">
        <v>52</v>
      </c>
      <c r="O235" s="3" t="s">
        <v>53</v>
      </c>
      <c r="P235" s="3" t="s">
        <v>37</v>
      </c>
      <c r="Q235" s="3" t="s">
        <v>37</v>
      </c>
      <c r="R235" s="3" t="s">
        <v>39</v>
      </c>
      <c r="S235" s="3" t="s">
        <v>1447</v>
      </c>
      <c r="T235" s="3" t="s">
        <v>37</v>
      </c>
      <c r="U235" s="3" t="s">
        <v>37</v>
      </c>
      <c r="V235" s="3" t="s">
        <v>37</v>
      </c>
    </row>
    <row r="236" spans="1:22" ht="14.45" customHeight="1" x14ac:dyDescent="0.25">
      <c r="A236" s="3" t="s">
        <v>904</v>
      </c>
      <c r="B236" s="4" t="s">
        <v>635</v>
      </c>
      <c r="C236" s="3" t="s">
        <v>636</v>
      </c>
      <c r="D236" s="5" t="s">
        <v>353</v>
      </c>
      <c r="E236" s="3" t="s">
        <v>1102</v>
      </c>
      <c r="F236" s="3" t="s">
        <v>1448</v>
      </c>
      <c r="G236" s="3" t="s">
        <v>1449</v>
      </c>
      <c r="H236" s="3" t="s">
        <v>88</v>
      </c>
      <c r="I236" s="3" t="s">
        <v>1388</v>
      </c>
      <c r="J236" s="3" t="s">
        <v>1450</v>
      </c>
      <c r="K236" s="3" t="s">
        <v>32</v>
      </c>
      <c r="L236" s="3" t="s">
        <v>33</v>
      </c>
      <c r="M236" s="3" t="s">
        <v>74</v>
      </c>
      <c r="N236" s="3" t="s">
        <v>370</v>
      </c>
      <c r="O236" s="3" t="s">
        <v>105</v>
      </c>
      <c r="P236" s="3" t="s">
        <v>37</v>
      </c>
      <c r="Q236" s="3" t="s">
        <v>37</v>
      </c>
      <c r="R236" s="3" t="s">
        <v>39</v>
      </c>
      <c r="S236" s="3" t="s">
        <v>1451</v>
      </c>
      <c r="T236" s="3" t="s">
        <v>37</v>
      </c>
      <c r="U236" s="3" t="s">
        <v>37</v>
      </c>
      <c r="V236" s="3" t="s">
        <v>37</v>
      </c>
    </row>
    <row r="237" spans="1:22" ht="14.45" customHeight="1" x14ac:dyDescent="0.25">
      <c r="A237" s="3" t="s">
        <v>904</v>
      </c>
      <c r="B237" s="4" t="s">
        <v>635</v>
      </c>
      <c r="C237" s="3" t="s">
        <v>636</v>
      </c>
      <c r="D237" s="5" t="s">
        <v>494</v>
      </c>
      <c r="E237" s="3" t="s">
        <v>927</v>
      </c>
      <c r="F237" s="3" t="s">
        <v>1242</v>
      </c>
      <c r="G237" s="3" t="s">
        <v>191</v>
      </c>
      <c r="H237" s="3" t="s">
        <v>29</v>
      </c>
      <c r="I237" s="3" t="s">
        <v>936</v>
      </c>
      <c r="J237" s="7" t="s">
        <v>930</v>
      </c>
      <c r="K237" s="3" t="s">
        <v>32</v>
      </c>
      <c r="L237" s="3" t="s">
        <v>33</v>
      </c>
      <c r="M237" s="3" t="s">
        <v>931</v>
      </c>
      <c r="N237" s="3" t="s">
        <v>234</v>
      </c>
      <c r="O237" s="3" t="s">
        <v>154</v>
      </c>
      <c r="P237" s="3" t="s">
        <v>37</v>
      </c>
      <c r="Q237" s="3" t="s">
        <v>37</v>
      </c>
      <c r="R237" s="3" t="s">
        <v>39</v>
      </c>
      <c r="S237" s="3" t="s">
        <v>1243</v>
      </c>
      <c r="T237" s="3" t="s">
        <v>37</v>
      </c>
      <c r="U237" s="3" t="s">
        <v>37</v>
      </c>
      <c r="V237" s="3" t="s">
        <v>37</v>
      </c>
    </row>
    <row r="238" spans="1:22" ht="14.45" customHeight="1" x14ac:dyDescent="0.25">
      <c r="A238" s="3" t="s">
        <v>904</v>
      </c>
      <c r="B238" s="4" t="s">
        <v>635</v>
      </c>
      <c r="C238" s="3" t="s">
        <v>636</v>
      </c>
      <c r="D238" s="5" t="s">
        <v>1301</v>
      </c>
      <c r="E238" s="3" t="s">
        <v>927</v>
      </c>
      <c r="F238" s="3" t="s">
        <v>1237</v>
      </c>
      <c r="G238" s="3" t="s">
        <v>405</v>
      </c>
      <c r="H238" s="3" t="s">
        <v>29</v>
      </c>
      <c r="I238" s="3" t="s">
        <v>929</v>
      </c>
      <c r="J238" s="7" t="s">
        <v>930</v>
      </c>
      <c r="K238" s="3" t="s">
        <v>32</v>
      </c>
      <c r="L238" s="3" t="s">
        <v>33</v>
      </c>
      <c r="M238" s="3" t="s">
        <v>931</v>
      </c>
      <c r="N238" s="3" t="s">
        <v>234</v>
      </c>
      <c r="O238" s="3" t="s">
        <v>154</v>
      </c>
      <c r="P238" s="3" t="s">
        <v>37</v>
      </c>
      <c r="Q238" s="3" t="s">
        <v>37</v>
      </c>
      <c r="R238" s="3" t="s">
        <v>39</v>
      </c>
      <c r="S238" s="3" t="s">
        <v>1238</v>
      </c>
      <c r="T238" s="3" t="s">
        <v>37</v>
      </c>
      <c r="U238" s="3" t="s">
        <v>37</v>
      </c>
      <c r="V238" s="3" t="s">
        <v>37</v>
      </c>
    </row>
    <row r="239" spans="1:22" ht="14.45" customHeight="1" x14ac:dyDescent="0.25">
      <c r="A239" s="3" t="s">
        <v>904</v>
      </c>
      <c r="B239" s="4" t="s">
        <v>635</v>
      </c>
      <c r="C239" s="3" t="s">
        <v>636</v>
      </c>
      <c r="D239" s="5" t="s">
        <v>362</v>
      </c>
      <c r="E239" s="3" t="s">
        <v>927</v>
      </c>
      <c r="F239" s="3" t="s">
        <v>1245</v>
      </c>
      <c r="G239" s="3" t="s">
        <v>217</v>
      </c>
      <c r="H239" s="3" t="s">
        <v>29</v>
      </c>
      <c r="I239" s="3" t="s">
        <v>936</v>
      </c>
      <c r="J239" s="3" t="s">
        <v>1246</v>
      </c>
      <c r="K239" s="3" t="s">
        <v>32</v>
      </c>
      <c r="L239" s="3" t="s">
        <v>33</v>
      </c>
      <c r="M239" s="3" t="s">
        <v>931</v>
      </c>
      <c r="N239" s="3" t="s">
        <v>234</v>
      </c>
      <c r="O239" s="3" t="s">
        <v>154</v>
      </c>
      <c r="P239" s="3" t="s">
        <v>37</v>
      </c>
      <c r="Q239" s="3" t="s">
        <v>37</v>
      </c>
      <c r="R239" s="3" t="s">
        <v>39</v>
      </c>
      <c r="S239" s="3" t="s">
        <v>1247</v>
      </c>
      <c r="T239" s="3" t="s">
        <v>37</v>
      </c>
      <c r="U239" s="3" t="s">
        <v>37</v>
      </c>
      <c r="V239" s="3" t="s">
        <v>37</v>
      </c>
    </row>
    <row r="240" spans="1:22" ht="14.45" customHeight="1" x14ac:dyDescent="0.25">
      <c r="A240" s="3" t="s">
        <v>904</v>
      </c>
      <c r="B240" s="4" t="s">
        <v>635</v>
      </c>
      <c r="C240" s="3" t="s">
        <v>636</v>
      </c>
      <c r="D240" s="5" t="s">
        <v>1040</v>
      </c>
      <c r="E240" s="3" t="s">
        <v>1226</v>
      </c>
      <c r="F240" s="3" t="s">
        <v>1431</v>
      </c>
      <c r="G240" s="3" t="s">
        <v>262</v>
      </c>
      <c r="H240" s="3" t="s">
        <v>29</v>
      </c>
      <c r="I240" s="3" t="s">
        <v>1228</v>
      </c>
      <c r="J240" s="3" t="s">
        <v>1432</v>
      </c>
      <c r="K240" s="3" t="s">
        <v>32</v>
      </c>
      <c r="L240" s="3" t="s">
        <v>33</v>
      </c>
      <c r="M240" s="3" t="s">
        <v>74</v>
      </c>
      <c r="N240" s="3" t="s">
        <v>75</v>
      </c>
      <c r="O240" s="3" t="s">
        <v>36</v>
      </c>
      <c r="P240" s="3" t="s">
        <v>37</v>
      </c>
      <c r="Q240" s="3" t="s">
        <v>37</v>
      </c>
      <c r="R240" s="3" t="s">
        <v>39</v>
      </c>
      <c r="S240" s="3" t="s">
        <v>1433</v>
      </c>
      <c r="T240" s="3" t="s">
        <v>37</v>
      </c>
      <c r="U240" s="3" t="s">
        <v>37</v>
      </c>
      <c r="V240" s="3" t="s">
        <v>37</v>
      </c>
    </row>
    <row r="241" spans="1:22" ht="14.45" customHeight="1" x14ac:dyDescent="0.25">
      <c r="A241" s="3" t="s">
        <v>904</v>
      </c>
      <c r="B241" s="4" t="s">
        <v>635</v>
      </c>
      <c r="C241" s="3" t="s">
        <v>636</v>
      </c>
      <c r="D241" s="5" t="s">
        <v>220</v>
      </c>
      <c r="E241" s="3" t="s">
        <v>1226</v>
      </c>
      <c r="F241" s="3" t="s">
        <v>1434</v>
      </c>
      <c r="G241" s="3" t="s">
        <v>514</v>
      </c>
      <c r="H241" s="3" t="s">
        <v>133</v>
      </c>
      <c r="I241" s="3" t="s">
        <v>1435</v>
      </c>
      <c r="J241" s="3" t="s">
        <v>1270</v>
      </c>
      <c r="K241" s="3" t="s">
        <v>32</v>
      </c>
      <c r="L241" s="3" t="s">
        <v>33</v>
      </c>
      <c r="M241" s="3" t="s">
        <v>74</v>
      </c>
      <c r="N241" s="3" t="s">
        <v>234</v>
      </c>
      <c r="O241" s="3" t="s">
        <v>37</v>
      </c>
      <c r="P241" s="3" t="s">
        <v>37</v>
      </c>
      <c r="Q241" s="3" t="s">
        <v>37</v>
      </c>
      <c r="R241" s="3" t="s">
        <v>39</v>
      </c>
      <c r="S241" s="3" t="s">
        <v>1436</v>
      </c>
      <c r="T241" s="3" t="s">
        <v>37</v>
      </c>
      <c r="U241" s="3" t="s">
        <v>37</v>
      </c>
      <c r="V241" s="3" t="s">
        <v>37</v>
      </c>
    </row>
    <row r="242" spans="1:22" ht="14.45" customHeight="1" x14ac:dyDescent="0.25">
      <c r="A242" s="3" t="s">
        <v>904</v>
      </c>
      <c r="B242" s="4" t="s">
        <v>635</v>
      </c>
      <c r="C242" s="3" t="s">
        <v>636</v>
      </c>
      <c r="D242" s="5" t="s">
        <v>1304</v>
      </c>
      <c r="E242" s="3" t="s">
        <v>1226</v>
      </c>
      <c r="F242" s="3" t="s">
        <v>1373</v>
      </c>
      <c r="G242" s="3" t="s">
        <v>478</v>
      </c>
      <c r="H242" s="3" t="s">
        <v>133</v>
      </c>
      <c r="I242" s="3" t="s">
        <v>1269</v>
      </c>
      <c r="J242" s="3" t="s">
        <v>1270</v>
      </c>
      <c r="K242" s="3" t="s">
        <v>32</v>
      </c>
      <c r="L242" s="3" t="s">
        <v>33</v>
      </c>
      <c r="M242" s="3" t="s">
        <v>74</v>
      </c>
      <c r="N242" s="3" t="s">
        <v>234</v>
      </c>
      <c r="O242" s="3" t="s">
        <v>37</v>
      </c>
      <c r="P242" s="3" t="s">
        <v>37</v>
      </c>
      <c r="Q242" s="3" t="s">
        <v>37</v>
      </c>
      <c r="R242" s="3" t="s">
        <v>39</v>
      </c>
      <c r="S242" s="3" t="s">
        <v>1374</v>
      </c>
      <c r="T242" s="3" t="s">
        <v>37</v>
      </c>
      <c r="U242" s="3" t="s">
        <v>37</v>
      </c>
      <c r="V242" s="3" t="s">
        <v>37</v>
      </c>
    </row>
    <row r="243" spans="1:22" ht="14.45" customHeight="1" x14ac:dyDescent="0.25">
      <c r="A243" s="3" t="s">
        <v>904</v>
      </c>
      <c r="B243" s="4" t="s">
        <v>635</v>
      </c>
      <c r="C243" s="3" t="s">
        <v>636</v>
      </c>
      <c r="D243" s="5" t="s">
        <v>380</v>
      </c>
      <c r="E243" s="3" t="s">
        <v>996</v>
      </c>
      <c r="F243" s="3" t="s">
        <v>1437</v>
      </c>
      <c r="G243" s="3" t="s">
        <v>696</v>
      </c>
      <c r="H243" s="3" t="s">
        <v>133</v>
      </c>
      <c r="I243" s="3" t="s">
        <v>37</v>
      </c>
      <c r="J243" s="3" t="s">
        <v>1438</v>
      </c>
      <c r="K243" s="3" t="s">
        <v>32</v>
      </c>
      <c r="L243" s="3" t="s">
        <v>33</v>
      </c>
      <c r="M243" s="3" t="s">
        <v>74</v>
      </c>
      <c r="N243" s="3" t="s">
        <v>75</v>
      </c>
      <c r="O243" s="3" t="s">
        <v>105</v>
      </c>
      <c r="P243" s="3" t="s">
        <v>37</v>
      </c>
      <c r="Q243" s="3" t="s">
        <v>37</v>
      </c>
      <c r="R243" s="3" t="s">
        <v>39</v>
      </c>
      <c r="S243" s="3" t="s">
        <v>1439</v>
      </c>
      <c r="T243" s="3" t="s">
        <v>37</v>
      </c>
      <c r="U243" s="3" t="s">
        <v>37</v>
      </c>
      <c r="V243" s="3" t="s">
        <v>37</v>
      </c>
    </row>
    <row r="244" spans="1:22" ht="14.45" customHeight="1" x14ac:dyDescent="0.25">
      <c r="A244" s="3" t="s">
        <v>904</v>
      </c>
      <c r="B244" s="4" t="s">
        <v>635</v>
      </c>
      <c r="C244" s="3" t="s">
        <v>636</v>
      </c>
      <c r="D244" s="5" t="s">
        <v>229</v>
      </c>
      <c r="E244" s="3" t="s">
        <v>495</v>
      </c>
      <c r="F244" s="3" t="s">
        <v>1284</v>
      </c>
      <c r="G244" s="3" t="s">
        <v>1129</v>
      </c>
      <c r="H244" s="3" t="s">
        <v>207</v>
      </c>
      <c r="I244" s="3" t="s">
        <v>37</v>
      </c>
      <c r="J244" s="8" t="s">
        <v>1021</v>
      </c>
      <c r="K244" s="3" t="s">
        <v>32</v>
      </c>
      <c r="L244" s="3" t="s">
        <v>33</v>
      </c>
      <c r="M244" s="3" t="s">
        <v>34</v>
      </c>
      <c r="N244" s="3" t="s">
        <v>234</v>
      </c>
      <c r="O244" s="3" t="s">
        <v>37</v>
      </c>
      <c r="P244" s="3" t="s">
        <v>37</v>
      </c>
      <c r="Q244" s="3" t="s">
        <v>37</v>
      </c>
      <c r="R244" s="3" t="s">
        <v>39</v>
      </c>
      <c r="S244" s="3" t="s">
        <v>1440</v>
      </c>
      <c r="T244" s="3" t="s">
        <v>37</v>
      </c>
      <c r="U244" s="3" t="s">
        <v>37</v>
      </c>
      <c r="V244" s="3" t="s">
        <v>37</v>
      </c>
    </row>
    <row r="245" spans="1:22" ht="14.45" customHeight="1" x14ac:dyDescent="0.25">
      <c r="A245" s="3" t="s">
        <v>904</v>
      </c>
      <c r="B245" s="4" t="s">
        <v>635</v>
      </c>
      <c r="C245" s="3" t="s">
        <v>636</v>
      </c>
      <c r="D245" s="5" t="s">
        <v>1306</v>
      </c>
      <c r="E245" s="3" t="s">
        <v>495</v>
      </c>
      <c r="F245" s="3" t="s">
        <v>1284</v>
      </c>
      <c r="G245" s="3" t="s">
        <v>1124</v>
      </c>
      <c r="H245" s="3" t="s">
        <v>207</v>
      </c>
      <c r="I245" s="3" t="s">
        <v>37</v>
      </c>
      <c r="J245" s="8" t="s">
        <v>1021</v>
      </c>
      <c r="K245" s="3" t="s">
        <v>32</v>
      </c>
      <c r="L245" s="3" t="s">
        <v>33</v>
      </c>
      <c r="M245" s="3" t="s">
        <v>34</v>
      </c>
      <c r="N245" s="3" t="s">
        <v>234</v>
      </c>
      <c r="O245" s="3" t="s">
        <v>37</v>
      </c>
      <c r="P245" s="3" t="s">
        <v>37</v>
      </c>
      <c r="Q245" s="3" t="s">
        <v>37</v>
      </c>
      <c r="R245" s="3" t="s">
        <v>39</v>
      </c>
      <c r="S245" s="3" t="s">
        <v>1378</v>
      </c>
      <c r="T245" s="3" t="s">
        <v>37</v>
      </c>
      <c r="U245" s="3" t="s">
        <v>37</v>
      </c>
      <c r="V245" s="3" t="s">
        <v>37</v>
      </c>
    </row>
    <row r="246" spans="1:22" ht="14.45" customHeight="1" x14ac:dyDescent="0.25">
      <c r="A246" s="3" t="s">
        <v>904</v>
      </c>
      <c r="B246" s="4" t="s">
        <v>635</v>
      </c>
      <c r="C246" s="3" t="s">
        <v>636</v>
      </c>
      <c r="D246" s="5" t="s">
        <v>1053</v>
      </c>
      <c r="E246" s="3" t="s">
        <v>1024</v>
      </c>
      <c r="F246" s="3" t="s">
        <v>1441</v>
      </c>
      <c r="G246" s="3" t="s">
        <v>191</v>
      </c>
      <c r="H246" s="3" t="s">
        <v>133</v>
      </c>
      <c r="I246" s="3" t="s">
        <v>37</v>
      </c>
      <c r="J246" s="3" t="s">
        <v>1442</v>
      </c>
      <c r="K246" s="3" t="s">
        <v>32</v>
      </c>
      <c r="L246" s="3" t="s">
        <v>33</v>
      </c>
      <c r="M246" s="3" t="s">
        <v>74</v>
      </c>
      <c r="N246" s="3" t="s">
        <v>153</v>
      </c>
      <c r="O246" s="3" t="s">
        <v>53</v>
      </c>
      <c r="P246" s="3" t="s">
        <v>54</v>
      </c>
      <c r="Q246" s="3" t="s">
        <v>37</v>
      </c>
      <c r="R246" s="3" t="s">
        <v>39</v>
      </c>
      <c r="S246" s="3" t="s">
        <v>1443</v>
      </c>
      <c r="T246" s="3" t="s">
        <v>37</v>
      </c>
      <c r="U246" s="3" t="s">
        <v>37</v>
      </c>
      <c r="V246" s="3" t="s">
        <v>37</v>
      </c>
    </row>
    <row r="247" spans="1:22" ht="14.45" customHeight="1" x14ac:dyDescent="0.25">
      <c r="A247" s="3" t="s">
        <v>904</v>
      </c>
      <c r="B247" s="4" t="s">
        <v>635</v>
      </c>
      <c r="C247" s="3" t="s">
        <v>636</v>
      </c>
      <c r="D247" s="5" t="s">
        <v>240</v>
      </c>
      <c r="E247" s="3" t="s">
        <v>1028</v>
      </c>
      <c r="F247" s="3" t="s">
        <v>1444</v>
      </c>
      <c r="G247" s="3" t="s">
        <v>440</v>
      </c>
      <c r="H247" s="3" t="s">
        <v>88</v>
      </c>
      <c r="I247" s="3" t="s">
        <v>1445</v>
      </c>
      <c r="J247" s="3" t="s">
        <v>1446</v>
      </c>
      <c r="K247" s="3" t="s">
        <v>32</v>
      </c>
      <c r="L247" s="3" t="s">
        <v>33</v>
      </c>
      <c r="M247" s="3" t="s">
        <v>74</v>
      </c>
      <c r="N247" s="3" t="s">
        <v>52</v>
      </c>
      <c r="O247" s="3" t="s">
        <v>53</v>
      </c>
      <c r="P247" s="3" t="s">
        <v>37</v>
      </c>
      <c r="Q247" s="3" t="s">
        <v>37</v>
      </c>
      <c r="R247" s="3" t="s">
        <v>39</v>
      </c>
      <c r="S247" s="3" t="s">
        <v>1447</v>
      </c>
      <c r="T247" s="3" t="s">
        <v>37</v>
      </c>
      <c r="U247" s="3" t="s">
        <v>37</v>
      </c>
      <c r="V247" s="3" t="s">
        <v>37</v>
      </c>
    </row>
    <row r="248" spans="1:22" ht="14.45" customHeight="1" x14ac:dyDescent="0.25">
      <c r="A248" s="3" t="s">
        <v>904</v>
      </c>
      <c r="B248" s="4" t="s">
        <v>635</v>
      </c>
      <c r="C248" s="3" t="s">
        <v>636</v>
      </c>
      <c r="D248" s="5" t="s">
        <v>1060</v>
      </c>
      <c r="E248" s="3" t="s">
        <v>916</v>
      </c>
      <c r="F248" s="3" t="s">
        <v>1172</v>
      </c>
      <c r="G248" s="3" t="s">
        <v>395</v>
      </c>
      <c r="H248" s="3" t="s">
        <v>29</v>
      </c>
      <c r="I248" s="3" t="s">
        <v>918</v>
      </c>
      <c r="J248" s="3" t="s">
        <v>1173</v>
      </c>
      <c r="K248" s="3" t="s">
        <v>32</v>
      </c>
      <c r="L248" s="3" t="s">
        <v>33</v>
      </c>
      <c r="M248" s="3" t="s">
        <v>34</v>
      </c>
      <c r="N248" s="3" t="s">
        <v>75</v>
      </c>
      <c r="O248" s="3" t="s">
        <v>53</v>
      </c>
      <c r="P248" s="3" t="s">
        <v>37</v>
      </c>
      <c r="Q248" s="3" t="s">
        <v>37</v>
      </c>
      <c r="R248" s="3" t="s">
        <v>39</v>
      </c>
      <c r="S248" s="3" t="s">
        <v>1174</v>
      </c>
      <c r="T248" s="3" t="s">
        <v>37</v>
      </c>
      <c r="U248" s="3" t="s">
        <v>37</v>
      </c>
      <c r="V248" s="3" t="s">
        <v>37</v>
      </c>
    </row>
    <row r="249" spans="1:22" ht="14.45" customHeight="1" x14ac:dyDescent="0.25">
      <c r="A249" s="3"/>
      <c r="B249" s="4"/>
      <c r="C249" s="3"/>
      <c r="D249" s="5"/>
      <c r="E249" s="6" t="s">
        <v>1064</v>
      </c>
      <c r="F249" s="3"/>
      <c r="G249" s="3"/>
      <c r="H249" s="3"/>
      <c r="I249" s="3"/>
      <c r="J249" s="3"/>
      <c r="K249" s="3"/>
      <c r="L249" s="3"/>
      <c r="M249" s="3"/>
      <c r="N249" s="3"/>
      <c r="O249" s="3"/>
      <c r="P249" s="3"/>
      <c r="Q249" s="3"/>
      <c r="R249" s="3"/>
      <c r="S249" s="3"/>
      <c r="T249" s="3"/>
      <c r="U249" s="3"/>
      <c r="V249" s="3"/>
    </row>
    <row r="250" spans="1:22" ht="14.45" customHeight="1" x14ac:dyDescent="0.25">
      <c r="A250" s="3"/>
      <c r="B250" s="4"/>
      <c r="C250" s="3"/>
      <c r="D250" s="5"/>
      <c r="E250" s="3"/>
      <c r="F250" s="3"/>
      <c r="G250" s="3"/>
      <c r="H250" s="3"/>
      <c r="I250" s="3"/>
      <c r="J250" s="3"/>
      <c r="K250" s="3"/>
      <c r="L250" s="3"/>
      <c r="M250" s="3"/>
      <c r="N250" s="3"/>
      <c r="O250" s="3"/>
      <c r="P250" s="3"/>
      <c r="Q250" s="3"/>
      <c r="R250" s="3"/>
      <c r="S250" s="3"/>
      <c r="T250" s="3"/>
      <c r="U250" s="3"/>
      <c r="V250" s="3"/>
    </row>
    <row r="251" spans="1:22" ht="14.45" customHeight="1" x14ac:dyDescent="0.25">
      <c r="A251" s="3" t="s">
        <v>904</v>
      </c>
      <c r="B251" s="4" t="s">
        <v>740</v>
      </c>
      <c r="C251" s="3" t="s">
        <v>741</v>
      </c>
      <c r="D251" s="5" t="s">
        <v>25</v>
      </c>
      <c r="E251" s="3" t="s">
        <v>905</v>
      </c>
      <c r="F251" s="3" t="s">
        <v>1452</v>
      </c>
      <c r="G251" s="3" t="s">
        <v>279</v>
      </c>
      <c r="H251" s="3" t="s">
        <v>88</v>
      </c>
      <c r="I251" s="3" t="s">
        <v>913</v>
      </c>
      <c r="J251" s="3" t="s">
        <v>1453</v>
      </c>
      <c r="K251" s="3" t="s">
        <v>32</v>
      </c>
      <c r="L251" s="3" t="s">
        <v>33</v>
      </c>
      <c r="M251" s="3" t="s">
        <v>74</v>
      </c>
      <c r="N251" s="3" t="s">
        <v>909</v>
      </c>
      <c r="O251" s="3" t="s">
        <v>105</v>
      </c>
      <c r="P251" s="3" t="s">
        <v>37</v>
      </c>
      <c r="Q251" s="3" t="s">
        <v>37</v>
      </c>
      <c r="R251" s="3" t="s">
        <v>39</v>
      </c>
      <c r="S251" s="3" t="s">
        <v>1454</v>
      </c>
      <c r="T251" s="3" t="s">
        <v>37</v>
      </c>
      <c r="U251" s="3" t="s">
        <v>37</v>
      </c>
      <c r="V251" s="3" t="s">
        <v>37</v>
      </c>
    </row>
    <row r="252" spans="1:22" ht="14.45" customHeight="1" x14ac:dyDescent="0.25">
      <c r="A252" s="3" t="s">
        <v>904</v>
      </c>
      <c r="B252" s="4" t="s">
        <v>740</v>
      </c>
      <c r="C252" s="3" t="s">
        <v>741</v>
      </c>
      <c r="D252" s="5" t="s">
        <v>911</v>
      </c>
      <c r="E252" s="3" t="s">
        <v>905</v>
      </c>
      <c r="F252" s="3" t="s">
        <v>1455</v>
      </c>
      <c r="G252" s="3" t="s">
        <v>1456</v>
      </c>
      <c r="H252" s="3" t="s">
        <v>88</v>
      </c>
      <c r="I252" s="3" t="s">
        <v>1457</v>
      </c>
      <c r="J252" s="3" t="s">
        <v>1458</v>
      </c>
      <c r="K252" s="3" t="s">
        <v>32</v>
      </c>
      <c r="L252" s="3" t="s">
        <v>33</v>
      </c>
      <c r="M252" s="3" t="s">
        <v>74</v>
      </c>
      <c r="N252" s="3" t="s">
        <v>909</v>
      </c>
      <c r="O252" s="3" t="s">
        <v>105</v>
      </c>
      <c r="P252" s="3" t="s">
        <v>37</v>
      </c>
      <c r="Q252" s="3" t="s">
        <v>37</v>
      </c>
      <c r="R252" s="3" t="s">
        <v>39</v>
      </c>
      <c r="S252" s="3" t="s">
        <v>1459</v>
      </c>
      <c r="T252" s="3" t="s">
        <v>37</v>
      </c>
      <c r="U252" s="3" t="s">
        <v>37</v>
      </c>
      <c r="V252" s="3" t="s">
        <v>37</v>
      </c>
    </row>
    <row r="253" spans="1:22" ht="14.45" customHeight="1" x14ac:dyDescent="0.25">
      <c r="A253" s="3" t="s">
        <v>904</v>
      </c>
      <c r="B253" s="4" t="s">
        <v>740</v>
      </c>
      <c r="C253" s="3" t="s">
        <v>741</v>
      </c>
      <c r="D253" s="5" t="s">
        <v>46</v>
      </c>
      <c r="E253" s="3" t="s">
        <v>927</v>
      </c>
      <c r="F253" s="3" t="s">
        <v>934</v>
      </c>
      <c r="G253" s="3" t="s">
        <v>935</v>
      </c>
      <c r="H253" s="3" t="s">
        <v>29</v>
      </c>
      <c r="I253" s="3" t="s">
        <v>936</v>
      </c>
      <c r="J253" s="7" t="s">
        <v>930</v>
      </c>
      <c r="K253" s="3" t="s">
        <v>32</v>
      </c>
      <c r="L253" s="3" t="s">
        <v>33</v>
      </c>
      <c r="M253" s="3" t="s">
        <v>931</v>
      </c>
      <c r="N253" s="3" t="s">
        <v>234</v>
      </c>
      <c r="O253" s="3" t="s">
        <v>937</v>
      </c>
      <c r="P253" s="3" t="s">
        <v>37</v>
      </c>
      <c r="Q253" s="3" t="s">
        <v>37</v>
      </c>
      <c r="R253" s="3" t="s">
        <v>39</v>
      </c>
      <c r="S253" s="3" t="s">
        <v>938</v>
      </c>
      <c r="T253" s="3" t="s">
        <v>37</v>
      </c>
      <c r="U253" s="3" t="s">
        <v>37</v>
      </c>
      <c r="V253" s="3" t="s">
        <v>37</v>
      </c>
    </row>
    <row r="254" spans="1:22" ht="14.45" customHeight="1" x14ac:dyDescent="0.25">
      <c r="A254" s="3" t="s">
        <v>904</v>
      </c>
      <c r="B254" s="4" t="s">
        <v>740</v>
      </c>
      <c r="C254" s="3" t="s">
        <v>741</v>
      </c>
      <c r="D254" s="5" t="s">
        <v>1187</v>
      </c>
      <c r="E254" s="3" t="s">
        <v>927</v>
      </c>
      <c r="F254" s="3" t="s">
        <v>1085</v>
      </c>
      <c r="G254" s="3" t="s">
        <v>133</v>
      </c>
      <c r="H254" s="3" t="s">
        <v>29</v>
      </c>
      <c r="I254" s="3" t="s">
        <v>929</v>
      </c>
      <c r="J254" s="3" t="s">
        <v>1086</v>
      </c>
      <c r="K254" s="3" t="s">
        <v>32</v>
      </c>
      <c r="L254" s="3" t="s">
        <v>33</v>
      </c>
      <c r="M254" s="3" t="s">
        <v>931</v>
      </c>
      <c r="N254" s="3" t="s">
        <v>234</v>
      </c>
      <c r="O254" s="3" t="s">
        <v>154</v>
      </c>
      <c r="P254" s="3" t="s">
        <v>37</v>
      </c>
      <c r="Q254" s="3" t="s">
        <v>37</v>
      </c>
      <c r="R254" s="3" t="s">
        <v>39</v>
      </c>
      <c r="S254" s="3" t="s">
        <v>1087</v>
      </c>
      <c r="T254" s="3" t="s">
        <v>37</v>
      </c>
      <c r="U254" s="3" t="s">
        <v>37</v>
      </c>
      <c r="V254" s="3" t="s">
        <v>37</v>
      </c>
    </row>
    <row r="255" spans="1:22" ht="14.45" customHeight="1" x14ac:dyDescent="0.25">
      <c r="A255" s="3" t="s">
        <v>904</v>
      </c>
      <c r="B255" s="4" t="s">
        <v>740</v>
      </c>
      <c r="C255" s="3" t="s">
        <v>741</v>
      </c>
      <c r="D255" s="5" t="s">
        <v>1188</v>
      </c>
      <c r="E255" s="3" t="s">
        <v>927</v>
      </c>
      <c r="F255" s="3" t="s">
        <v>1083</v>
      </c>
      <c r="G255" s="3" t="s">
        <v>43</v>
      </c>
      <c r="H255" s="3" t="s">
        <v>29</v>
      </c>
      <c r="I255" s="3" t="s">
        <v>936</v>
      </c>
      <c r="J255" s="7" t="s">
        <v>930</v>
      </c>
      <c r="K255" s="3" t="s">
        <v>32</v>
      </c>
      <c r="L255" s="3" t="s">
        <v>33</v>
      </c>
      <c r="M255" s="3" t="s">
        <v>931</v>
      </c>
      <c r="N255" s="3" t="s">
        <v>234</v>
      </c>
      <c r="O255" s="3" t="s">
        <v>154</v>
      </c>
      <c r="P255" s="3" t="s">
        <v>37</v>
      </c>
      <c r="Q255" s="3" t="s">
        <v>37</v>
      </c>
      <c r="R255" s="3" t="s">
        <v>39</v>
      </c>
      <c r="S255" s="3" t="s">
        <v>1084</v>
      </c>
      <c r="T255" s="3" t="s">
        <v>37</v>
      </c>
      <c r="U255" s="3" t="s">
        <v>37</v>
      </c>
      <c r="V255" s="3" t="s">
        <v>37</v>
      </c>
    </row>
    <row r="256" spans="1:22" ht="14.45" customHeight="1" x14ac:dyDescent="0.25">
      <c r="A256" s="3" t="s">
        <v>904</v>
      </c>
      <c r="B256" s="4" t="s">
        <v>740</v>
      </c>
      <c r="C256" s="3" t="s">
        <v>741</v>
      </c>
      <c r="D256" s="5" t="s">
        <v>921</v>
      </c>
      <c r="E256" s="3" t="s">
        <v>927</v>
      </c>
      <c r="F256" s="3" t="s">
        <v>1357</v>
      </c>
      <c r="G256" s="3" t="s">
        <v>1326</v>
      </c>
      <c r="H256" s="3" t="s">
        <v>29</v>
      </c>
      <c r="I256" s="3" t="s">
        <v>929</v>
      </c>
      <c r="J256" s="3" t="s">
        <v>1358</v>
      </c>
      <c r="K256" s="3" t="s">
        <v>32</v>
      </c>
      <c r="L256" s="3" t="s">
        <v>33</v>
      </c>
      <c r="M256" s="3" t="s">
        <v>931</v>
      </c>
      <c r="N256" s="3" t="s">
        <v>234</v>
      </c>
      <c r="O256" s="3" t="s">
        <v>154</v>
      </c>
      <c r="P256" s="3" t="s">
        <v>37</v>
      </c>
      <c r="Q256" s="3" t="s">
        <v>37</v>
      </c>
      <c r="R256" s="3" t="s">
        <v>39</v>
      </c>
      <c r="S256" s="3" t="s">
        <v>1359</v>
      </c>
      <c r="T256" s="3" t="s">
        <v>37</v>
      </c>
      <c r="U256" s="3" t="s">
        <v>37</v>
      </c>
      <c r="V256" s="3" t="s">
        <v>37</v>
      </c>
    </row>
    <row r="257" spans="1:22" ht="14.45" customHeight="1" x14ac:dyDescent="0.25">
      <c r="A257" s="3" t="s">
        <v>904</v>
      </c>
      <c r="B257" s="4" t="s">
        <v>740</v>
      </c>
      <c r="C257" s="3" t="s">
        <v>741</v>
      </c>
      <c r="D257" s="5" t="s">
        <v>642</v>
      </c>
      <c r="E257" s="3" t="s">
        <v>927</v>
      </c>
      <c r="F257" s="3" t="s">
        <v>1004</v>
      </c>
      <c r="G257" s="3" t="s">
        <v>395</v>
      </c>
      <c r="H257" s="3" t="s">
        <v>29</v>
      </c>
      <c r="I257" s="3" t="s">
        <v>936</v>
      </c>
      <c r="J257" s="3" t="s">
        <v>1005</v>
      </c>
      <c r="K257" s="3" t="s">
        <v>32</v>
      </c>
      <c r="L257" s="3" t="s">
        <v>33</v>
      </c>
      <c r="M257" s="3" t="s">
        <v>931</v>
      </c>
      <c r="N257" s="3" t="s">
        <v>234</v>
      </c>
      <c r="O257" s="3" t="s">
        <v>154</v>
      </c>
      <c r="P257" s="3" t="s">
        <v>37</v>
      </c>
      <c r="Q257" s="3" t="s">
        <v>37</v>
      </c>
      <c r="R257" s="3" t="s">
        <v>39</v>
      </c>
      <c r="S257" s="3" t="s">
        <v>1006</v>
      </c>
      <c r="T257" s="3" t="s">
        <v>37</v>
      </c>
      <c r="U257" s="3" t="s">
        <v>37</v>
      </c>
      <c r="V257" s="3" t="s">
        <v>37</v>
      </c>
    </row>
    <row r="258" spans="1:22" ht="14.45" customHeight="1" x14ac:dyDescent="0.25">
      <c r="A258" s="3" t="s">
        <v>904</v>
      </c>
      <c r="B258" s="4" t="s">
        <v>740</v>
      </c>
      <c r="C258" s="3" t="s">
        <v>741</v>
      </c>
      <c r="D258" s="5" t="s">
        <v>61</v>
      </c>
      <c r="E258" s="3" t="s">
        <v>927</v>
      </c>
      <c r="F258" s="3" t="s">
        <v>1245</v>
      </c>
      <c r="G258" s="3" t="s">
        <v>217</v>
      </c>
      <c r="H258" s="3" t="s">
        <v>29</v>
      </c>
      <c r="I258" s="3" t="s">
        <v>936</v>
      </c>
      <c r="J258" s="3" t="s">
        <v>1246</v>
      </c>
      <c r="K258" s="3" t="s">
        <v>32</v>
      </c>
      <c r="L258" s="3" t="s">
        <v>33</v>
      </c>
      <c r="M258" s="3" t="s">
        <v>931</v>
      </c>
      <c r="N258" s="3" t="s">
        <v>234</v>
      </c>
      <c r="O258" s="3" t="s">
        <v>154</v>
      </c>
      <c r="P258" s="3" t="s">
        <v>37</v>
      </c>
      <c r="Q258" s="3" t="s">
        <v>37</v>
      </c>
      <c r="R258" s="3" t="s">
        <v>39</v>
      </c>
      <c r="S258" s="3" t="s">
        <v>1247</v>
      </c>
      <c r="T258" s="3" t="s">
        <v>37</v>
      </c>
      <c r="U258" s="3" t="s">
        <v>37</v>
      </c>
      <c r="V258" s="3" t="s">
        <v>37</v>
      </c>
    </row>
    <row r="259" spans="1:22" ht="14.45" customHeight="1" x14ac:dyDescent="0.25">
      <c r="A259" s="3" t="s">
        <v>904</v>
      </c>
      <c r="B259" s="4" t="s">
        <v>740</v>
      </c>
      <c r="C259" s="3" t="s">
        <v>741</v>
      </c>
      <c r="D259" s="5" t="s">
        <v>926</v>
      </c>
      <c r="E259" s="3" t="s">
        <v>495</v>
      </c>
      <c r="F259" s="3" t="s">
        <v>1322</v>
      </c>
      <c r="G259" s="3" t="s">
        <v>1460</v>
      </c>
      <c r="H259" s="3" t="s">
        <v>207</v>
      </c>
      <c r="I259" s="3" t="s">
        <v>37</v>
      </c>
      <c r="J259" s="8" t="s">
        <v>1021</v>
      </c>
      <c r="K259" s="3" t="s">
        <v>32</v>
      </c>
      <c r="L259" s="3" t="s">
        <v>33</v>
      </c>
      <c r="M259" s="3" t="s">
        <v>34</v>
      </c>
      <c r="N259" s="3" t="s">
        <v>234</v>
      </c>
      <c r="O259" s="3" t="s">
        <v>37</v>
      </c>
      <c r="P259" s="3" t="s">
        <v>37</v>
      </c>
      <c r="Q259" s="3" t="s">
        <v>37</v>
      </c>
      <c r="R259" s="3" t="s">
        <v>39</v>
      </c>
      <c r="S259" s="3" t="s">
        <v>1461</v>
      </c>
      <c r="T259" s="3"/>
      <c r="U259" s="3" t="s">
        <v>37</v>
      </c>
      <c r="V259" s="3" t="s">
        <v>37</v>
      </c>
    </row>
    <row r="260" spans="1:22" ht="14.45" customHeight="1" x14ac:dyDescent="0.25">
      <c r="A260" s="3" t="s">
        <v>904</v>
      </c>
      <c r="B260" s="4" t="s">
        <v>740</v>
      </c>
      <c r="C260" s="3" t="s">
        <v>741</v>
      </c>
      <c r="D260" s="5" t="s">
        <v>942</v>
      </c>
      <c r="E260" s="3" t="s">
        <v>922</v>
      </c>
      <c r="F260" s="3" t="s">
        <v>989</v>
      </c>
      <c r="G260" s="3" t="s">
        <v>29</v>
      </c>
      <c r="H260" s="3" t="s">
        <v>29</v>
      </c>
      <c r="I260" s="3" t="s">
        <v>37</v>
      </c>
      <c r="J260" s="3" t="s">
        <v>990</v>
      </c>
      <c r="K260" s="3" t="s">
        <v>32</v>
      </c>
      <c r="L260" s="3" t="s">
        <v>33</v>
      </c>
      <c r="M260" s="3" t="s">
        <v>74</v>
      </c>
      <c r="N260" s="3" t="s">
        <v>75</v>
      </c>
      <c r="O260" s="3" t="s">
        <v>53</v>
      </c>
      <c r="P260" s="3" t="s">
        <v>37</v>
      </c>
      <c r="Q260" s="3" t="s">
        <v>37</v>
      </c>
      <c r="R260" s="3" t="s">
        <v>39</v>
      </c>
      <c r="S260" s="3" t="s">
        <v>991</v>
      </c>
      <c r="T260" s="3" t="s">
        <v>37</v>
      </c>
      <c r="U260" s="3" t="s">
        <v>37</v>
      </c>
      <c r="V260" s="3" t="s">
        <v>37</v>
      </c>
    </row>
    <row r="261" spans="1:22" ht="14.45" customHeight="1" x14ac:dyDescent="0.25">
      <c r="A261" s="3" t="s">
        <v>904</v>
      </c>
      <c r="B261" s="4" t="s">
        <v>740</v>
      </c>
      <c r="C261" s="3" t="s">
        <v>741</v>
      </c>
      <c r="D261" s="5" t="s">
        <v>951</v>
      </c>
      <c r="E261" s="3" t="s">
        <v>922</v>
      </c>
      <c r="F261" s="3" t="s">
        <v>976</v>
      </c>
      <c r="G261" s="3" t="s">
        <v>64</v>
      </c>
      <c r="H261" s="3" t="s">
        <v>29</v>
      </c>
      <c r="I261" s="3" t="s">
        <v>37</v>
      </c>
      <c r="J261" s="3" t="s">
        <v>977</v>
      </c>
      <c r="K261" s="3" t="s">
        <v>32</v>
      </c>
      <c r="L261" s="3" t="s">
        <v>33</v>
      </c>
      <c r="M261" s="3" t="s">
        <v>74</v>
      </c>
      <c r="N261" s="3" t="s">
        <v>75</v>
      </c>
      <c r="O261" s="3" t="s">
        <v>53</v>
      </c>
      <c r="P261" s="3" t="s">
        <v>37</v>
      </c>
      <c r="Q261" s="3" t="s">
        <v>37</v>
      </c>
      <c r="R261" s="3" t="s">
        <v>39</v>
      </c>
      <c r="S261" s="3" t="s">
        <v>978</v>
      </c>
      <c r="T261" s="3" t="s">
        <v>37</v>
      </c>
      <c r="U261" s="3" t="s">
        <v>37</v>
      </c>
      <c r="V261" s="3" t="s">
        <v>37</v>
      </c>
    </row>
    <row r="262" spans="1:22" ht="14.45" customHeight="1" x14ac:dyDescent="0.25">
      <c r="A262" s="3" t="s">
        <v>904</v>
      </c>
      <c r="B262" s="4" t="s">
        <v>740</v>
      </c>
      <c r="C262" s="3" t="s">
        <v>741</v>
      </c>
      <c r="D262" s="5" t="s">
        <v>956</v>
      </c>
      <c r="E262" s="3" t="s">
        <v>922</v>
      </c>
      <c r="F262" s="3" t="s">
        <v>980</v>
      </c>
      <c r="G262" s="3" t="s">
        <v>110</v>
      </c>
      <c r="H262" s="3" t="s">
        <v>29</v>
      </c>
      <c r="I262" s="3" t="s">
        <v>37</v>
      </c>
      <c r="J262" s="3" t="s">
        <v>981</v>
      </c>
      <c r="K262" s="3" t="s">
        <v>32</v>
      </c>
      <c r="L262" s="3" t="s">
        <v>33</v>
      </c>
      <c r="M262" s="3" t="s">
        <v>74</v>
      </c>
      <c r="N262" s="3" t="s">
        <v>75</v>
      </c>
      <c r="O262" s="3" t="s">
        <v>37</v>
      </c>
      <c r="P262" s="3" t="s">
        <v>37</v>
      </c>
      <c r="Q262" s="3" t="s">
        <v>37</v>
      </c>
      <c r="R262" s="3" t="s">
        <v>39</v>
      </c>
      <c r="S262" s="3" t="s">
        <v>982</v>
      </c>
      <c r="T262" s="3" t="s">
        <v>37</v>
      </c>
      <c r="U262" s="3" t="s">
        <v>37</v>
      </c>
      <c r="V262" s="3" t="s">
        <v>37</v>
      </c>
    </row>
    <row r="263" spans="1:22" ht="14.45" customHeight="1" x14ac:dyDescent="0.25">
      <c r="A263" s="3" t="s">
        <v>904</v>
      </c>
      <c r="B263" s="4" t="s">
        <v>740</v>
      </c>
      <c r="C263" s="3" t="s">
        <v>741</v>
      </c>
      <c r="D263" s="5" t="s">
        <v>960</v>
      </c>
      <c r="E263" s="3" t="s">
        <v>1102</v>
      </c>
      <c r="F263" s="3" t="s">
        <v>1462</v>
      </c>
      <c r="G263" s="3" t="s">
        <v>1463</v>
      </c>
      <c r="H263" s="3" t="s">
        <v>88</v>
      </c>
      <c r="I263" s="3" t="s">
        <v>1464</v>
      </c>
      <c r="J263" s="3" t="s">
        <v>1465</v>
      </c>
      <c r="K263" s="3" t="s">
        <v>32</v>
      </c>
      <c r="L263" s="3" t="s">
        <v>33</v>
      </c>
      <c r="M263" s="3" t="s">
        <v>74</v>
      </c>
      <c r="N263" s="3" t="s">
        <v>370</v>
      </c>
      <c r="O263" s="3" t="s">
        <v>105</v>
      </c>
      <c r="P263" s="3" t="s">
        <v>37</v>
      </c>
      <c r="Q263" s="3" t="s">
        <v>37</v>
      </c>
      <c r="R263" s="3" t="s">
        <v>39</v>
      </c>
      <c r="S263" s="3" t="s">
        <v>1466</v>
      </c>
      <c r="T263" s="3" t="s">
        <v>37</v>
      </c>
      <c r="U263" s="3" t="s">
        <v>37</v>
      </c>
      <c r="V263" s="3" t="s">
        <v>37</v>
      </c>
    </row>
    <row r="264" spans="1:22" ht="14.45" customHeight="1" x14ac:dyDescent="0.25">
      <c r="A264" s="3" t="s">
        <v>904</v>
      </c>
      <c r="B264" s="4" t="s">
        <v>740</v>
      </c>
      <c r="C264" s="3" t="s">
        <v>741</v>
      </c>
      <c r="D264" s="5" t="s">
        <v>965</v>
      </c>
      <c r="E264" s="3" t="s">
        <v>1211</v>
      </c>
      <c r="F264" s="3" t="s">
        <v>1467</v>
      </c>
      <c r="G264" s="3" t="s">
        <v>28</v>
      </c>
      <c r="H264" s="3" t="s">
        <v>29</v>
      </c>
      <c r="I264" s="3" t="s">
        <v>1468</v>
      </c>
      <c r="J264" s="3" t="s">
        <v>1469</v>
      </c>
      <c r="K264" s="3" t="s">
        <v>32</v>
      </c>
      <c r="L264" s="3" t="s">
        <v>33</v>
      </c>
      <c r="M264" s="3" t="s">
        <v>74</v>
      </c>
      <c r="N264" s="3" t="s">
        <v>153</v>
      </c>
      <c r="O264" s="3" t="s">
        <v>36</v>
      </c>
      <c r="P264" s="3" t="s">
        <v>37</v>
      </c>
      <c r="Q264" s="3" t="s">
        <v>37</v>
      </c>
      <c r="R264" s="3" t="s">
        <v>39</v>
      </c>
      <c r="S264" s="3" t="s">
        <v>1470</v>
      </c>
      <c r="T264" s="3" t="s">
        <v>37</v>
      </c>
      <c r="U264" s="3" t="s">
        <v>37</v>
      </c>
      <c r="V264" s="3" t="s">
        <v>37</v>
      </c>
    </row>
    <row r="265" spans="1:22" ht="14.45" customHeight="1" x14ac:dyDescent="0.25">
      <c r="A265" s="3" t="s">
        <v>904</v>
      </c>
      <c r="B265" s="4" t="s">
        <v>740</v>
      </c>
      <c r="C265" s="3" t="s">
        <v>741</v>
      </c>
      <c r="D265" s="5" t="s">
        <v>969</v>
      </c>
      <c r="E265" s="3" t="s">
        <v>1211</v>
      </c>
      <c r="F265" s="3" t="s">
        <v>1471</v>
      </c>
      <c r="G265" s="3" t="s">
        <v>43</v>
      </c>
      <c r="H265" s="3" t="s">
        <v>29</v>
      </c>
      <c r="I265" s="3" t="s">
        <v>1472</v>
      </c>
      <c r="J265" s="3" t="s">
        <v>1473</v>
      </c>
      <c r="K265" s="3" t="s">
        <v>32</v>
      </c>
      <c r="L265" s="3" t="s">
        <v>33</v>
      </c>
      <c r="M265" s="3" t="s">
        <v>74</v>
      </c>
      <c r="N265" s="3" t="s">
        <v>153</v>
      </c>
      <c r="O265" s="3" t="s">
        <v>105</v>
      </c>
      <c r="P265" s="3" t="s">
        <v>37</v>
      </c>
      <c r="Q265" s="3" t="s">
        <v>37</v>
      </c>
      <c r="R265" s="3" t="s">
        <v>39</v>
      </c>
      <c r="S265" s="3" t="s">
        <v>1474</v>
      </c>
      <c r="T265" s="3" t="s">
        <v>37</v>
      </c>
      <c r="U265" s="3" t="s">
        <v>37</v>
      </c>
      <c r="V265" s="3" t="s">
        <v>37</v>
      </c>
    </row>
    <row r="266" spans="1:22" ht="14.45" customHeight="1" x14ac:dyDescent="0.25">
      <c r="A266" s="3" t="s">
        <v>904</v>
      </c>
      <c r="B266" s="4" t="s">
        <v>740</v>
      </c>
      <c r="C266" s="3" t="s">
        <v>741</v>
      </c>
      <c r="D266" s="5" t="s">
        <v>1219</v>
      </c>
      <c r="E266" s="3" t="s">
        <v>495</v>
      </c>
      <c r="F266" s="3" t="s">
        <v>1475</v>
      </c>
      <c r="G266" s="3" t="s">
        <v>317</v>
      </c>
      <c r="H266" s="3" t="s">
        <v>29</v>
      </c>
      <c r="I266" s="3" t="s">
        <v>1476</v>
      </c>
      <c r="J266" s="3" t="s">
        <v>1477</v>
      </c>
      <c r="K266" s="3" t="s">
        <v>32</v>
      </c>
      <c r="L266" s="3" t="s">
        <v>1068</v>
      </c>
      <c r="M266" s="3" t="s">
        <v>34</v>
      </c>
      <c r="N266" s="3" t="s">
        <v>52</v>
      </c>
      <c r="O266" s="3" t="s">
        <v>105</v>
      </c>
      <c r="P266" s="3" t="s">
        <v>37</v>
      </c>
      <c r="Q266" s="3" t="s">
        <v>37</v>
      </c>
      <c r="R266" s="3" t="s">
        <v>39</v>
      </c>
      <c r="S266" s="3" t="s">
        <v>1478</v>
      </c>
      <c r="T266" s="3" t="s">
        <v>37</v>
      </c>
      <c r="U266" s="3" t="s">
        <v>37</v>
      </c>
      <c r="V266" s="3" t="s">
        <v>37</v>
      </c>
    </row>
    <row r="267" spans="1:22" ht="14.45" customHeight="1" x14ac:dyDescent="0.25">
      <c r="A267" s="3" t="s">
        <v>904</v>
      </c>
      <c r="B267" s="4" t="s">
        <v>740</v>
      </c>
      <c r="C267" s="3" t="s">
        <v>741</v>
      </c>
      <c r="D267" s="5" t="s">
        <v>975</v>
      </c>
      <c r="E267" s="3" t="s">
        <v>495</v>
      </c>
      <c r="F267" s="3" t="s">
        <v>1041</v>
      </c>
      <c r="G267" s="3" t="s">
        <v>591</v>
      </c>
      <c r="H267" s="3" t="s">
        <v>133</v>
      </c>
      <c r="I267" s="3" t="s">
        <v>497</v>
      </c>
      <c r="J267" s="3" t="s">
        <v>1042</v>
      </c>
      <c r="K267" s="3" t="s">
        <v>32</v>
      </c>
      <c r="L267" s="3" t="s">
        <v>37</v>
      </c>
      <c r="M267" s="3" t="s">
        <v>34</v>
      </c>
      <c r="N267" s="3" t="s">
        <v>153</v>
      </c>
      <c r="O267" s="3" t="s">
        <v>105</v>
      </c>
      <c r="P267" s="3" t="s">
        <v>37</v>
      </c>
      <c r="Q267" s="3" t="s">
        <v>37</v>
      </c>
      <c r="R267" s="3" t="s">
        <v>39</v>
      </c>
      <c r="S267" s="3" t="s">
        <v>1043</v>
      </c>
      <c r="T267" s="3" t="s">
        <v>37</v>
      </c>
      <c r="U267" s="3" t="s">
        <v>37</v>
      </c>
      <c r="V267" s="3" t="s">
        <v>37</v>
      </c>
    </row>
    <row r="268" spans="1:22" ht="14.45" customHeight="1" x14ac:dyDescent="0.25">
      <c r="A268" s="3" t="s">
        <v>904</v>
      </c>
      <c r="B268" s="4" t="s">
        <v>740</v>
      </c>
      <c r="C268" s="3" t="s">
        <v>741</v>
      </c>
      <c r="D268" s="5" t="s">
        <v>979</v>
      </c>
      <c r="E268" s="3" t="s">
        <v>495</v>
      </c>
      <c r="F268" s="3" t="s">
        <v>1322</v>
      </c>
      <c r="G268" s="3" t="s">
        <v>1479</v>
      </c>
      <c r="H268" s="3" t="s">
        <v>207</v>
      </c>
      <c r="I268" s="3" t="s">
        <v>37</v>
      </c>
      <c r="J268" s="8" t="s">
        <v>1021</v>
      </c>
      <c r="K268" s="3" t="s">
        <v>32</v>
      </c>
      <c r="L268" s="3" t="s">
        <v>33</v>
      </c>
      <c r="M268" s="3" t="s">
        <v>34</v>
      </c>
      <c r="N268" s="3" t="s">
        <v>234</v>
      </c>
      <c r="O268" s="3" t="s">
        <v>37</v>
      </c>
      <c r="P268" s="3" t="s">
        <v>37</v>
      </c>
      <c r="Q268" s="3" t="s">
        <v>37</v>
      </c>
      <c r="R268" s="3" t="s">
        <v>39</v>
      </c>
      <c r="S268" s="3" t="s">
        <v>1480</v>
      </c>
      <c r="T268" s="3" t="s">
        <v>37</v>
      </c>
      <c r="U268" s="3" t="s">
        <v>37</v>
      </c>
      <c r="V268" s="3" t="s">
        <v>37</v>
      </c>
    </row>
    <row r="269" spans="1:22" ht="14.45" customHeight="1" x14ac:dyDescent="0.25">
      <c r="A269" s="3" t="s">
        <v>904</v>
      </c>
      <c r="B269" s="4" t="s">
        <v>740</v>
      </c>
      <c r="C269" s="3" t="s">
        <v>741</v>
      </c>
      <c r="D269" s="5" t="s">
        <v>120</v>
      </c>
      <c r="E269" s="3" t="s">
        <v>1226</v>
      </c>
      <c r="F269" s="3" t="s">
        <v>1481</v>
      </c>
      <c r="G269" s="3" t="s">
        <v>173</v>
      </c>
      <c r="H269" s="3" t="s">
        <v>133</v>
      </c>
      <c r="I269" s="3" t="s">
        <v>1482</v>
      </c>
      <c r="J269" s="8" t="s">
        <v>1483</v>
      </c>
      <c r="K269" s="3" t="s">
        <v>32</v>
      </c>
      <c r="L269" s="3" t="s">
        <v>33</v>
      </c>
      <c r="M269" s="3" t="s">
        <v>74</v>
      </c>
      <c r="N269" s="3" t="s">
        <v>234</v>
      </c>
      <c r="O269" s="3" t="s">
        <v>37</v>
      </c>
      <c r="P269" s="3" t="s">
        <v>37</v>
      </c>
      <c r="Q269" s="3" t="s">
        <v>37</v>
      </c>
      <c r="R269" s="3" t="s">
        <v>39</v>
      </c>
      <c r="S269" s="3" t="s">
        <v>1484</v>
      </c>
      <c r="T269" s="3"/>
      <c r="U269" s="3" t="s">
        <v>37</v>
      </c>
      <c r="V269" s="3" t="s">
        <v>37</v>
      </c>
    </row>
    <row r="270" spans="1:22" ht="14.45" customHeight="1" x14ac:dyDescent="0.25">
      <c r="A270" s="3" t="s">
        <v>904</v>
      </c>
      <c r="B270" s="4" t="s">
        <v>740</v>
      </c>
      <c r="C270" s="3" t="s">
        <v>741</v>
      </c>
      <c r="D270" s="5" t="s">
        <v>466</v>
      </c>
      <c r="E270" s="3" t="s">
        <v>1226</v>
      </c>
      <c r="F270" s="3" t="s">
        <v>1485</v>
      </c>
      <c r="G270" s="3" t="s">
        <v>317</v>
      </c>
      <c r="H270" s="3" t="s">
        <v>29</v>
      </c>
      <c r="I270" s="3" t="s">
        <v>1228</v>
      </c>
      <c r="J270" s="3" t="s">
        <v>1486</v>
      </c>
      <c r="K270" s="3" t="s">
        <v>32</v>
      </c>
      <c r="L270" s="3" t="s">
        <v>33</v>
      </c>
      <c r="M270" s="3" t="s">
        <v>74</v>
      </c>
      <c r="N270" s="3" t="s">
        <v>75</v>
      </c>
      <c r="O270" s="3" t="s">
        <v>36</v>
      </c>
      <c r="P270" s="3" t="s">
        <v>37</v>
      </c>
      <c r="Q270" s="3" t="s">
        <v>37</v>
      </c>
      <c r="R270" s="3" t="s">
        <v>39</v>
      </c>
      <c r="S270" s="3" t="s">
        <v>1487</v>
      </c>
      <c r="T270" s="3" t="s">
        <v>37</v>
      </c>
      <c r="U270" s="3" t="s">
        <v>37</v>
      </c>
      <c r="V270" s="3" t="s">
        <v>37</v>
      </c>
    </row>
    <row r="271" spans="1:22" ht="14.45" customHeight="1" x14ac:dyDescent="0.25">
      <c r="A271" s="3" t="s">
        <v>904</v>
      </c>
      <c r="B271" s="4" t="s">
        <v>740</v>
      </c>
      <c r="C271" s="3" t="s">
        <v>741</v>
      </c>
      <c r="D271" s="5" t="s">
        <v>129</v>
      </c>
      <c r="E271" s="3" t="s">
        <v>927</v>
      </c>
      <c r="F271" s="3" t="s">
        <v>1320</v>
      </c>
      <c r="G271" s="3" t="s">
        <v>232</v>
      </c>
      <c r="H271" s="3" t="s">
        <v>29</v>
      </c>
      <c r="I271" s="3" t="s">
        <v>936</v>
      </c>
      <c r="J271" s="7" t="s">
        <v>930</v>
      </c>
      <c r="K271" s="3" t="s">
        <v>32</v>
      </c>
      <c r="L271" s="3" t="s">
        <v>33</v>
      </c>
      <c r="M271" s="3" t="s">
        <v>931</v>
      </c>
      <c r="N271" s="3" t="s">
        <v>234</v>
      </c>
      <c r="O271" s="3" t="s">
        <v>154</v>
      </c>
      <c r="P271" s="3" t="s">
        <v>37</v>
      </c>
      <c r="Q271" s="3" t="s">
        <v>37</v>
      </c>
      <c r="R271" s="3" t="s">
        <v>39</v>
      </c>
      <c r="S271" s="3" t="s">
        <v>1321</v>
      </c>
      <c r="T271" s="3" t="s">
        <v>37</v>
      </c>
      <c r="U271" s="3" t="s">
        <v>37</v>
      </c>
      <c r="V271" s="3" t="s">
        <v>37</v>
      </c>
    </row>
    <row r="272" spans="1:22" ht="14.45" customHeight="1" x14ac:dyDescent="0.25">
      <c r="A272" s="3" t="s">
        <v>904</v>
      </c>
      <c r="B272" s="4" t="s">
        <v>740</v>
      </c>
      <c r="C272" s="3" t="s">
        <v>741</v>
      </c>
      <c r="D272" s="5" t="s">
        <v>680</v>
      </c>
      <c r="E272" s="3" t="s">
        <v>927</v>
      </c>
      <c r="F272" s="3" t="s">
        <v>943</v>
      </c>
      <c r="G272" s="3" t="s">
        <v>732</v>
      </c>
      <c r="H272" s="3" t="s">
        <v>29</v>
      </c>
      <c r="I272" s="3" t="s">
        <v>929</v>
      </c>
      <c r="J272" s="7" t="s">
        <v>930</v>
      </c>
      <c r="K272" s="3" t="s">
        <v>32</v>
      </c>
      <c r="L272" s="3" t="s">
        <v>33</v>
      </c>
      <c r="M272" s="3" t="s">
        <v>931</v>
      </c>
      <c r="N272" s="3" t="s">
        <v>234</v>
      </c>
      <c r="O272" s="3" t="s">
        <v>154</v>
      </c>
      <c r="P272" s="3" t="s">
        <v>37</v>
      </c>
      <c r="Q272" s="3" t="s">
        <v>37</v>
      </c>
      <c r="R272" s="3" t="s">
        <v>39</v>
      </c>
      <c r="S272" s="3" t="s">
        <v>944</v>
      </c>
      <c r="T272" s="3" t="s">
        <v>37</v>
      </c>
      <c r="U272" s="3" t="s">
        <v>37</v>
      </c>
      <c r="V272" s="3" t="s">
        <v>37</v>
      </c>
    </row>
    <row r="273" spans="1:22" ht="14.45" customHeight="1" x14ac:dyDescent="0.25">
      <c r="A273" s="3" t="s">
        <v>904</v>
      </c>
      <c r="B273" s="4" t="s">
        <v>740</v>
      </c>
      <c r="C273" s="3" t="s">
        <v>741</v>
      </c>
      <c r="D273" s="5" t="s">
        <v>1239</v>
      </c>
      <c r="E273" s="3" t="s">
        <v>927</v>
      </c>
      <c r="F273" s="3" t="s">
        <v>1302</v>
      </c>
      <c r="G273" s="3" t="s">
        <v>359</v>
      </c>
      <c r="H273" s="3" t="s">
        <v>29</v>
      </c>
      <c r="I273" s="3" t="s">
        <v>936</v>
      </c>
      <c r="J273" s="7" t="s">
        <v>930</v>
      </c>
      <c r="K273" s="3" t="s">
        <v>32</v>
      </c>
      <c r="L273" s="3" t="s">
        <v>33</v>
      </c>
      <c r="M273" s="3" t="s">
        <v>931</v>
      </c>
      <c r="N273" s="3" t="s">
        <v>234</v>
      </c>
      <c r="O273" s="3" t="s">
        <v>154</v>
      </c>
      <c r="P273" s="3" t="s">
        <v>37</v>
      </c>
      <c r="Q273" s="3" t="s">
        <v>37</v>
      </c>
      <c r="R273" s="3" t="s">
        <v>39</v>
      </c>
      <c r="S273" s="3" t="s">
        <v>1303</v>
      </c>
      <c r="T273" s="3" t="s">
        <v>37</v>
      </c>
      <c r="U273" s="3" t="s">
        <v>37</v>
      </c>
      <c r="V273" s="3" t="s">
        <v>37</v>
      </c>
    </row>
    <row r="274" spans="1:22" ht="14.45" customHeight="1" x14ac:dyDescent="0.25">
      <c r="A274" s="3" t="s">
        <v>904</v>
      </c>
      <c r="B274" s="4" t="s">
        <v>740</v>
      </c>
      <c r="C274" s="3" t="s">
        <v>741</v>
      </c>
      <c r="D274" s="5" t="s">
        <v>992</v>
      </c>
      <c r="E274" s="3" t="s">
        <v>927</v>
      </c>
      <c r="F274" s="3" t="s">
        <v>949</v>
      </c>
      <c r="G274" s="3" t="s">
        <v>72</v>
      </c>
      <c r="H274" s="3" t="s">
        <v>29</v>
      </c>
      <c r="I274" s="3" t="s">
        <v>929</v>
      </c>
      <c r="J274" s="7" t="s">
        <v>930</v>
      </c>
      <c r="K274" s="3" t="s">
        <v>32</v>
      </c>
      <c r="L274" s="3" t="s">
        <v>33</v>
      </c>
      <c r="M274" s="3" t="s">
        <v>931</v>
      </c>
      <c r="N274" s="3" t="s">
        <v>234</v>
      </c>
      <c r="O274" s="3" t="s">
        <v>154</v>
      </c>
      <c r="P274" s="3" t="s">
        <v>37</v>
      </c>
      <c r="Q274" s="3" t="s">
        <v>37</v>
      </c>
      <c r="R274" s="3" t="s">
        <v>39</v>
      </c>
      <c r="S274" s="3" t="s">
        <v>950</v>
      </c>
      <c r="T274" s="3" t="s">
        <v>37</v>
      </c>
      <c r="U274" s="3" t="s">
        <v>37</v>
      </c>
      <c r="V274" s="3" t="s">
        <v>37</v>
      </c>
    </row>
    <row r="275" spans="1:22" ht="14.45" customHeight="1" x14ac:dyDescent="0.25">
      <c r="A275" s="3" t="s">
        <v>904</v>
      </c>
      <c r="B275" s="4" t="s">
        <v>740</v>
      </c>
      <c r="C275" s="3" t="s">
        <v>741</v>
      </c>
      <c r="D275" s="5" t="s">
        <v>1244</v>
      </c>
      <c r="E275" s="3" t="s">
        <v>927</v>
      </c>
      <c r="F275" s="3" t="s">
        <v>1007</v>
      </c>
      <c r="G275" s="3" t="s">
        <v>122</v>
      </c>
      <c r="H275" s="3" t="s">
        <v>29</v>
      </c>
      <c r="I275" s="3" t="s">
        <v>936</v>
      </c>
      <c r="J275" s="3" t="s">
        <v>1008</v>
      </c>
      <c r="K275" s="3" t="s">
        <v>32</v>
      </c>
      <c r="L275" s="3" t="s">
        <v>33</v>
      </c>
      <c r="M275" s="3" t="s">
        <v>931</v>
      </c>
      <c r="N275" s="3" t="s">
        <v>234</v>
      </c>
      <c r="O275" s="3" t="s">
        <v>154</v>
      </c>
      <c r="P275" s="3" t="s">
        <v>37</v>
      </c>
      <c r="Q275" s="3" t="s">
        <v>37</v>
      </c>
      <c r="R275" s="3" t="s">
        <v>39</v>
      </c>
      <c r="S275" s="3" t="s">
        <v>1009</v>
      </c>
      <c r="T275" s="3" t="s">
        <v>37</v>
      </c>
      <c r="U275" s="3" t="s">
        <v>37</v>
      </c>
      <c r="V275" s="3" t="s">
        <v>37</v>
      </c>
    </row>
    <row r="276" spans="1:22" ht="14.45" customHeight="1" x14ac:dyDescent="0.25">
      <c r="A276" s="3" t="s">
        <v>904</v>
      </c>
      <c r="B276" s="4" t="s">
        <v>740</v>
      </c>
      <c r="C276" s="3" t="s">
        <v>741</v>
      </c>
      <c r="D276" s="5" t="s">
        <v>143</v>
      </c>
      <c r="E276" s="3" t="s">
        <v>927</v>
      </c>
      <c r="F276" s="3" t="s">
        <v>1011</v>
      </c>
      <c r="G276" s="3" t="s">
        <v>514</v>
      </c>
      <c r="H276" s="3" t="s">
        <v>29</v>
      </c>
      <c r="I276" s="3" t="s">
        <v>929</v>
      </c>
      <c r="J276" s="3" t="s">
        <v>1012</v>
      </c>
      <c r="K276" s="3" t="s">
        <v>32</v>
      </c>
      <c r="L276" s="3" t="s">
        <v>33</v>
      </c>
      <c r="M276" s="3" t="s">
        <v>931</v>
      </c>
      <c r="N276" s="3" t="s">
        <v>234</v>
      </c>
      <c r="O276" s="3" t="s">
        <v>154</v>
      </c>
      <c r="P276" s="3" t="s">
        <v>37</v>
      </c>
      <c r="Q276" s="3" t="s">
        <v>37</v>
      </c>
      <c r="R276" s="3" t="s">
        <v>39</v>
      </c>
      <c r="S276" s="3" t="s">
        <v>1013</v>
      </c>
      <c r="T276" s="3" t="s">
        <v>37</v>
      </c>
      <c r="U276" s="3" t="s">
        <v>37</v>
      </c>
      <c r="V276" s="3" t="s">
        <v>37</v>
      </c>
    </row>
    <row r="277" spans="1:22" ht="14.45" customHeight="1" x14ac:dyDescent="0.25">
      <c r="A277" s="3" t="s">
        <v>904</v>
      </c>
      <c r="B277" s="4" t="s">
        <v>740</v>
      </c>
      <c r="C277" s="3" t="s">
        <v>741</v>
      </c>
      <c r="D277" s="5" t="s">
        <v>148</v>
      </c>
      <c r="E277" s="3" t="s">
        <v>1028</v>
      </c>
      <c r="F277" s="3" t="s">
        <v>1488</v>
      </c>
      <c r="G277" s="3" t="s">
        <v>1489</v>
      </c>
      <c r="H277" s="3" t="s">
        <v>207</v>
      </c>
      <c r="I277" s="3" t="s">
        <v>1034</v>
      </c>
      <c r="J277" s="3" t="s">
        <v>1490</v>
      </c>
      <c r="K277" s="3" t="s">
        <v>32</v>
      </c>
      <c r="L277" s="3" t="s">
        <v>33</v>
      </c>
      <c r="M277" s="3" t="s">
        <v>74</v>
      </c>
      <c r="N277" s="3" t="s">
        <v>296</v>
      </c>
      <c r="O277" s="3" t="s">
        <v>36</v>
      </c>
      <c r="P277" s="3" t="s">
        <v>37</v>
      </c>
      <c r="Q277" s="3" t="s">
        <v>37</v>
      </c>
      <c r="R277" s="3" t="s">
        <v>39</v>
      </c>
      <c r="S277" s="3" t="s">
        <v>1491</v>
      </c>
      <c r="T277" s="3" t="s">
        <v>37</v>
      </c>
      <c r="U277" s="3" t="s">
        <v>37</v>
      </c>
      <c r="V277" s="3" t="s">
        <v>37</v>
      </c>
    </row>
    <row r="278" spans="1:22" ht="14.45" customHeight="1" x14ac:dyDescent="0.25">
      <c r="A278" s="3" t="s">
        <v>904</v>
      </c>
      <c r="B278" s="4" t="s">
        <v>740</v>
      </c>
      <c r="C278" s="3" t="s">
        <v>741</v>
      </c>
      <c r="D278" s="5" t="s">
        <v>160</v>
      </c>
      <c r="E278" s="3" t="s">
        <v>495</v>
      </c>
      <c r="F278" s="3" t="s">
        <v>1492</v>
      </c>
      <c r="G278" s="3" t="s">
        <v>395</v>
      </c>
      <c r="H278" s="3" t="s">
        <v>29</v>
      </c>
      <c r="I278" s="3" t="s">
        <v>1066</v>
      </c>
      <c r="J278" s="3" t="s">
        <v>1493</v>
      </c>
      <c r="K278" s="3" t="s">
        <v>32</v>
      </c>
      <c r="L278" s="3" t="s">
        <v>33</v>
      </c>
      <c r="M278" s="3" t="s">
        <v>34</v>
      </c>
      <c r="N278" s="3" t="s">
        <v>52</v>
      </c>
      <c r="O278" s="3" t="s">
        <v>1275</v>
      </c>
      <c r="P278" s="3" t="s">
        <v>37</v>
      </c>
      <c r="Q278" s="3" t="s">
        <v>37</v>
      </c>
      <c r="R278" s="3" t="s">
        <v>39</v>
      </c>
      <c r="S278" s="3" t="s">
        <v>1494</v>
      </c>
      <c r="T278" s="3" t="s">
        <v>37</v>
      </c>
      <c r="U278" s="3" t="s">
        <v>37</v>
      </c>
      <c r="V278" s="3" t="s">
        <v>37</v>
      </c>
    </row>
    <row r="279" spans="1:22" ht="14.45" customHeight="1" x14ac:dyDescent="0.25">
      <c r="A279" s="3" t="s">
        <v>904</v>
      </c>
      <c r="B279" s="4" t="s">
        <v>740</v>
      </c>
      <c r="C279" s="3" t="s">
        <v>741</v>
      </c>
      <c r="D279" s="5" t="s">
        <v>164</v>
      </c>
      <c r="E279" s="3" t="s">
        <v>1495</v>
      </c>
      <c r="F279" s="3" t="s">
        <v>1496</v>
      </c>
      <c r="G279" s="3" t="s">
        <v>207</v>
      </c>
      <c r="H279" s="3" t="s">
        <v>29</v>
      </c>
      <c r="I279" s="3" t="s">
        <v>37</v>
      </c>
      <c r="J279" s="3" t="s">
        <v>1497</v>
      </c>
      <c r="K279" s="3" t="s">
        <v>32</v>
      </c>
      <c r="L279" s="3" t="s">
        <v>1498</v>
      </c>
      <c r="M279" s="3" t="s">
        <v>34</v>
      </c>
      <c r="N279" s="3" t="s">
        <v>296</v>
      </c>
      <c r="O279" s="3" t="s">
        <v>1499</v>
      </c>
      <c r="P279" s="3" t="s">
        <v>37</v>
      </c>
      <c r="Q279" s="3" t="s">
        <v>37</v>
      </c>
      <c r="R279" s="3" t="s">
        <v>39</v>
      </c>
      <c r="S279" s="3" t="s">
        <v>1500</v>
      </c>
      <c r="T279" s="3" t="s">
        <v>37</v>
      </c>
      <c r="U279" s="3" t="s">
        <v>37</v>
      </c>
      <c r="V279" s="3" t="s">
        <v>37</v>
      </c>
    </row>
    <row r="280" spans="1:22" ht="14.45" customHeight="1" x14ac:dyDescent="0.25">
      <c r="A280" s="3" t="s">
        <v>904</v>
      </c>
      <c r="B280" s="4" t="s">
        <v>740</v>
      </c>
      <c r="C280" s="3" t="s">
        <v>741</v>
      </c>
      <c r="D280" s="5" t="s">
        <v>1003</v>
      </c>
      <c r="E280" s="3" t="s">
        <v>927</v>
      </c>
      <c r="F280" s="3" t="s">
        <v>1501</v>
      </c>
      <c r="G280" s="3" t="s">
        <v>302</v>
      </c>
      <c r="H280" s="3" t="s">
        <v>29</v>
      </c>
      <c r="I280" s="3" t="s">
        <v>929</v>
      </c>
      <c r="J280" s="7" t="s">
        <v>930</v>
      </c>
      <c r="K280" s="3" t="s">
        <v>32</v>
      </c>
      <c r="L280" s="3" t="s">
        <v>33</v>
      </c>
      <c r="M280" s="3" t="s">
        <v>931</v>
      </c>
      <c r="N280" s="3" t="s">
        <v>234</v>
      </c>
      <c r="O280" s="3" t="s">
        <v>154</v>
      </c>
      <c r="P280" s="3" t="s">
        <v>37</v>
      </c>
      <c r="Q280" s="3" t="s">
        <v>37</v>
      </c>
      <c r="R280" s="3" t="s">
        <v>39</v>
      </c>
      <c r="S280" s="3" t="s">
        <v>1502</v>
      </c>
      <c r="T280" s="3" t="s">
        <v>282</v>
      </c>
      <c r="U280" s="3" t="s">
        <v>37</v>
      </c>
      <c r="V280" s="3" t="s">
        <v>37</v>
      </c>
    </row>
    <row r="281" spans="1:22" ht="14.45" customHeight="1" x14ac:dyDescent="0.25">
      <c r="A281" s="3" t="s">
        <v>904</v>
      </c>
      <c r="B281" s="4" t="s">
        <v>740</v>
      </c>
      <c r="C281" s="3" t="s">
        <v>741</v>
      </c>
      <c r="D281" s="5" t="s">
        <v>171</v>
      </c>
      <c r="E281" s="3" t="s">
        <v>927</v>
      </c>
      <c r="F281" s="3" t="s">
        <v>1266</v>
      </c>
      <c r="G281" s="3" t="s">
        <v>167</v>
      </c>
      <c r="H281" s="3" t="s">
        <v>29</v>
      </c>
      <c r="I281" s="3" t="s">
        <v>936</v>
      </c>
      <c r="J281" s="7" t="s">
        <v>930</v>
      </c>
      <c r="K281" s="3" t="s">
        <v>32</v>
      </c>
      <c r="L281" s="3" t="s">
        <v>33</v>
      </c>
      <c r="M281" s="3" t="s">
        <v>931</v>
      </c>
      <c r="N281" s="3" t="s">
        <v>234</v>
      </c>
      <c r="O281" s="3" t="s">
        <v>154</v>
      </c>
      <c r="P281" s="3" t="s">
        <v>37</v>
      </c>
      <c r="Q281" s="3" t="s">
        <v>37</v>
      </c>
      <c r="R281" s="3" t="s">
        <v>39</v>
      </c>
      <c r="S281" s="3" t="s">
        <v>1267</v>
      </c>
      <c r="T281" s="3" t="s">
        <v>37</v>
      </c>
      <c r="U281" s="3" t="s">
        <v>37</v>
      </c>
      <c r="V281" s="3" t="s">
        <v>37</v>
      </c>
    </row>
    <row r="282" spans="1:22" ht="14.45" customHeight="1" x14ac:dyDescent="0.25">
      <c r="A282" s="3" t="s">
        <v>904</v>
      </c>
      <c r="B282" s="4" t="s">
        <v>740</v>
      </c>
      <c r="C282" s="3" t="s">
        <v>741</v>
      </c>
      <c r="D282" s="5" t="s">
        <v>1010</v>
      </c>
      <c r="E282" s="3" t="s">
        <v>927</v>
      </c>
      <c r="F282" s="3" t="s">
        <v>1429</v>
      </c>
      <c r="G282" s="3" t="s">
        <v>581</v>
      </c>
      <c r="H282" s="3" t="s">
        <v>29</v>
      </c>
      <c r="I282" s="3" t="s">
        <v>929</v>
      </c>
      <c r="J282" s="7" t="s">
        <v>930</v>
      </c>
      <c r="K282" s="3" t="s">
        <v>32</v>
      </c>
      <c r="L282" s="3" t="s">
        <v>33</v>
      </c>
      <c r="M282" s="3" t="s">
        <v>931</v>
      </c>
      <c r="N282" s="3" t="s">
        <v>234</v>
      </c>
      <c r="O282" s="3" t="s">
        <v>154</v>
      </c>
      <c r="P282" s="3" t="s">
        <v>37</v>
      </c>
      <c r="Q282" s="3" t="s">
        <v>37</v>
      </c>
      <c r="R282" s="3" t="s">
        <v>39</v>
      </c>
      <c r="S282" s="3" t="s">
        <v>1430</v>
      </c>
      <c r="T282" s="3" t="s">
        <v>37</v>
      </c>
      <c r="U282" s="3" t="s">
        <v>37</v>
      </c>
      <c r="V282" s="3" t="s">
        <v>37</v>
      </c>
    </row>
    <row r="283" spans="1:22" ht="14.45" customHeight="1" x14ac:dyDescent="0.25">
      <c r="A283" s="3" t="s">
        <v>904</v>
      </c>
      <c r="B283" s="4" t="s">
        <v>740</v>
      </c>
      <c r="C283" s="3" t="s">
        <v>741</v>
      </c>
      <c r="D283" s="5" t="s">
        <v>1014</v>
      </c>
      <c r="E283" s="3" t="s">
        <v>1211</v>
      </c>
      <c r="F283" s="3" t="s">
        <v>1503</v>
      </c>
      <c r="G283" s="3" t="s">
        <v>110</v>
      </c>
      <c r="H283" s="3" t="s">
        <v>29</v>
      </c>
      <c r="I283" s="3" t="s">
        <v>1213</v>
      </c>
      <c r="J283" s="3" t="s">
        <v>1504</v>
      </c>
      <c r="K283" s="3" t="s">
        <v>32</v>
      </c>
      <c r="L283" s="3" t="s">
        <v>33</v>
      </c>
      <c r="M283" s="3" t="s">
        <v>74</v>
      </c>
      <c r="N283" s="3" t="s">
        <v>153</v>
      </c>
      <c r="O283" s="3" t="s">
        <v>105</v>
      </c>
      <c r="P283" s="3" t="s">
        <v>37</v>
      </c>
      <c r="Q283" s="3" t="s">
        <v>37</v>
      </c>
      <c r="R283" s="3" t="s">
        <v>39</v>
      </c>
      <c r="S283" s="3" t="s">
        <v>1505</v>
      </c>
      <c r="T283" s="3" t="s">
        <v>37</v>
      </c>
      <c r="U283" s="3" t="s">
        <v>37</v>
      </c>
      <c r="V283" s="3" t="s">
        <v>37</v>
      </c>
    </row>
    <row r="284" spans="1:22" ht="14.45" customHeight="1" x14ac:dyDescent="0.25">
      <c r="A284" s="3" t="s">
        <v>904</v>
      </c>
      <c r="B284" s="4" t="s">
        <v>740</v>
      </c>
      <c r="C284" s="3" t="s">
        <v>741</v>
      </c>
      <c r="D284" s="5" t="s">
        <v>1015</v>
      </c>
      <c r="E284" s="3" t="s">
        <v>1226</v>
      </c>
      <c r="F284" s="3" t="s">
        <v>1506</v>
      </c>
      <c r="G284" s="3" t="s">
        <v>167</v>
      </c>
      <c r="H284" s="3" t="s">
        <v>133</v>
      </c>
      <c r="I284" s="3" t="s">
        <v>1435</v>
      </c>
      <c r="J284" s="3" t="s">
        <v>1270</v>
      </c>
      <c r="K284" s="3" t="s">
        <v>32</v>
      </c>
      <c r="L284" s="3" t="s">
        <v>33</v>
      </c>
      <c r="M284" s="3" t="s">
        <v>74</v>
      </c>
      <c r="N284" s="3" t="s">
        <v>234</v>
      </c>
      <c r="O284" s="3" t="s">
        <v>37</v>
      </c>
      <c r="P284" s="3" t="s">
        <v>37</v>
      </c>
      <c r="Q284" s="3" t="s">
        <v>37</v>
      </c>
      <c r="R284" s="3" t="s">
        <v>39</v>
      </c>
      <c r="S284" s="3" t="s">
        <v>1507</v>
      </c>
      <c r="T284" s="3" t="s">
        <v>282</v>
      </c>
      <c r="U284" s="3" t="s">
        <v>37</v>
      </c>
      <c r="V284" s="3" t="s">
        <v>37</v>
      </c>
    </row>
    <row r="285" spans="1:22" ht="14.45" customHeight="1" x14ac:dyDescent="0.25">
      <c r="A285" s="3" t="s">
        <v>904</v>
      </c>
      <c r="B285" s="4" t="s">
        <v>740</v>
      </c>
      <c r="C285" s="3" t="s">
        <v>741</v>
      </c>
      <c r="D285" s="5" t="s">
        <v>1272</v>
      </c>
      <c r="E285" s="3" t="s">
        <v>1226</v>
      </c>
      <c r="F285" s="3" t="s">
        <v>1434</v>
      </c>
      <c r="G285" s="3" t="s">
        <v>514</v>
      </c>
      <c r="H285" s="3" t="s">
        <v>133</v>
      </c>
      <c r="I285" s="3" t="s">
        <v>1435</v>
      </c>
      <c r="J285" s="3" t="s">
        <v>1270</v>
      </c>
      <c r="K285" s="3" t="s">
        <v>32</v>
      </c>
      <c r="L285" s="3" t="s">
        <v>33</v>
      </c>
      <c r="M285" s="3" t="s">
        <v>74</v>
      </c>
      <c r="N285" s="3" t="s">
        <v>234</v>
      </c>
      <c r="O285" s="3" t="s">
        <v>37</v>
      </c>
      <c r="P285" s="3" t="s">
        <v>37</v>
      </c>
      <c r="Q285" s="3" t="s">
        <v>37</v>
      </c>
      <c r="R285" s="3" t="s">
        <v>39</v>
      </c>
      <c r="S285" s="3" t="s">
        <v>1436</v>
      </c>
      <c r="T285" s="3" t="s">
        <v>37</v>
      </c>
      <c r="U285" s="3" t="s">
        <v>37</v>
      </c>
      <c r="V285" s="3" t="s">
        <v>37</v>
      </c>
    </row>
    <row r="286" spans="1:22" ht="14.45" customHeight="1" x14ac:dyDescent="0.25">
      <c r="A286" s="3" t="s">
        <v>904</v>
      </c>
      <c r="B286" s="4" t="s">
        <v>740</v>
      </c>
      <c r="C286" s="3" t="s">
        <v>741</v>
      </c>
      <c r="D286" s="5" t="s">
        <v>1019</v>
      </c>
      <c r="E286" s="3" t="s">
        <v>996</v>
      </c>
      <c r="F286" s="3" t="s">
        <v>1508</v>
      </c>
      <c r="G286" s="3" t="s">
        <v>405</v>
      </c>
      <c r="H286" s="3" t="s">
        <v>133</v>
      </c>
      <c r="I286" s="3" t="s">
        <v>37</v>
      </c>
      <c r="J286" s="8" t="s">
        <v>1509</v>
      </c>
      <c r="K286" s="3" t="s">
        <v>32</v>
      </c>
      <c r="L286" s="3" t="s">
        <v>33</v>
      </c>
      <c r="M286" s="3" t="s">
        <v>74</v>
      </c>
      <c r="N286" s="3" t="s">
        <v>75</v>
      </c>
      <c r="O286" s="3" t="s">
        <v>105</v>
      </c>
      <c r="P286" s="3" t="s">
        <v>37</v>
      </c>
      <c r="Q286" s="3" t="s">
        <v>37</v>
      </c>
      <c r="R286" s="3" t="s">
        <v>39</v>
      </c>
      <c r="S286" s="3" t="s">
        <v>1510</v>
      </c>
      <c r="T286" s="3"/>
      <c r="U286" s="3" t="s">
        <v>37</v>
      </c>
      <c r="V286" s="3" t="s">
        <v>37</v>
      </c>
    </row>
    <row r="287" spans="1:22" ht="14.45" customHeight="1" x14ac:dyDescent="0.25">
      <c r="A287" s="3" t="s">
        <v>904</v>
      </c>
      <c r="B287" s="4" t="s">
        <v>740</v>
      </c>
      <c r="C287" s="3" t="s">
        <v>741</v>
      </c>
      <c r="D287" s="5" t="s">
        <v>1283</v>
      </c>
      <c r="E287" s="3" t="s">
        <v>495</v>
      </c>
      <c r="F287" s="3" t="s">
        <v>1284</v>
      </c>
      <c r="G287" s="3" t="s">
        <v>1511</v>
      </c>
      <c r="H287" s="3" t="s">
        <v>207</v>
      </c>
      <c r="I287" s="3" t="s">
        <v>37</v>
      </c>
      <c r="J287" s="8" t="s">
        <v>1021</v>
      </c>
      <c r="K287" s="3" t="s">
        <v>32</v>
      </c>
      <c r="L287" s="3" t="s">
        <v>33</v>
      </c>
      <c r="M287" s="3" t="s">
        <v>34</v>
      </c>
      <c r="N287" s="3" t="s">
        <v>234</v>
      </c>
      <c r="O287" s="3" t="s">
        <v>37</v>
      </c>
      <c r="P287" s="3" t="s">
        <v>37</v>
      </c>
      <c r="Q287" s="3" t="s">
        <v>37</v>
      </c>
      <c r="R287" s="3" t="s">
        <v>39</v>
      </c>
      <c r="S287" s="3" t="s">
        <v>1512</v>
      </c>
      <c r="T287" s="3" t="s">
        <v>37</v>
      </c>
      <c r="U287" s="3" t="s">
        <v>37</v>
      </c>
      <c r="V287" s="3" t="s">
        <v>37</v>
      </c>
    </row>
    <row r="288" spans="1:22" ht="14.45" customHeight="1" x14ac:dyDescent="0.25">
      <c r="A288" s="3" t="s">
        <v>904</v>
      </c>
      <c r="B288" s="4" t="s">
        <v>740</v>
      </c>
      <c r="C288" s="3" t="s">
        <v>741</v>
      </c>
      <c r="D288" s="5" t="s">
        <v>1286</v>
      </c>
      <c r="E288" s="3" t="s">
        <v>495</v>
      </c>
      <c r="F288" s="3" t="s">
        <v>1284</v>
      </c>
      <c r="G288" s="3" t="s">
        <v>1129</v>
      </c>
      <c r="H288" s="3" t="s">
        <v>207</v>
      </c>
      <c r="I288" s="3" t="s">
        <v>37</v>
      </c>
      <c r="J288" s="8" t="s">
        <v>1021</v>
      </c>
      <c r="K288" s="3" t="s">
        <v>32</v>
      </c>
      <c r="L288" s="3" t="s">
        <v>33</v>
      </c>
      <c r="M288" s="3" t="s">
        <v>34</v>
      </c>
      <c r="N288" s="3" t="s">
        <v>234</v>
      </c>
      <c r="O288" s="3" t="s">
        <v>37</v>
      </c>
      <c r="P288" s="3" t="s">
        <v>37</v>
      </c>
      <c r="Q288" s="3" t="s">
        <v>37</v>
      </c>
      <c r="R288" s="3" t="s">
        <v>39</v>
      </c>
      <c r="S288" s="3" t="s">
        <v>1440</v>
      </c>
      <c r="T288" s="3" t="s">
        <v>37</v>
      </c>
      <c r="U288" s="3" t="s">
        <v>37</v>
      </c>
      <c r="V288" s="3" t="s">
        <v>37</v>
      </c>
    </row>
    <row r="289" spans="1:22" ht="14.45" customHeight="1" x14ac:dyDescent="0.25">
      <c r="A289" s="3" t="s">
        <v>904</v>
      </c>
      <c r="B289" s="4" t="s">
        <v>740</v>
      </c>
      <c r="C289" s="3" t="s">
        <v>741</v>
      </c>
      <c r="D289" s="5" t="s">
        <v>1023</v>
      </c>
      <c r="E289" s="3" t="s">
        <v>1024</v>
      </c>
      <c r="F289" s="3" t="s">
        <v>1513</v>
      </c>
      <c r="G289" s="3" t="s">
        <v>197</v>
      </c>
      <c r="H289" s="3" t="s">
        <v>133</v>
      </c>
      <c r="I289" s="3" t="s">
        <v>37</v>
      </c>
      <c r="J289" s="3" t="s">
        <v>1514</v>
      </c>
      <c r="K289" s="3" t="s">
        <v>32</v>
      </c>
      <c r="L289" s="3" t="s">
        <v>33</v>
      </c>
      <c r="M289" s="3" t="s">
        <v>74</v>
      </c>
      <c r="N289" s="3" t="s">
        <v>153</v>
      </c>
      <c r="O289" s="3" t="s">
        <v>53</v>
      </c>
      <c r="P289" s="3" t="s">
        <v>54</v>
      </c>
      <c r="Q289" s="3" t="s">
        <v>37</v>
      </c>
      <c r="R289" s="3" t="s">
        <v>39</v>
      </c>
      <c r="S289" s="3" t="s">
        <v>1515</v>
      </c>
      <c r="T289" s="3" t="s">
        <v>37</v>
      </c>
      <c r="U289" s="3" t="s">
        <v>37</v>
      </c>
      <c r="V289" s="3" t="s">
        <v>37</v>
      </c>
    </row>
    <row r="290" spans="1:22" ht="14.45" customHeight="1" x14ac:dyDescent="0.25">
      <c r="A290" s="3" t="s">
        <v>904</v>
      </c>
      <c r="B290" s="4" t="s">
        <v>740</v>
      </c>
      <c r="C290" s="3" t="s">
        <v>741</v>
      </c>
      <c r="D290" s="5" t="s">
        <v>201</v>
      </c>
      <c r="E290" s="3" t="s">
        <v>1028</v>
      </c>
      <c r="F290" s="3" t="s">
        <v>1516</v>
      </c>
      <c r="G290" s="3" t="s">
        <v>552</v>
      </c>
      <c r="H290" s="3" t="s">
        <v>88</v>
      </c>
      <c r="I290" s="3" t="s">
        <v>1292</v>
      </c>
      <c r="J290" s="3" t="s">
        <v>1517</v>
      </c>
      <c r="K290" s="3" t="s">
        <v>32</v>
      </c>
      <c r="L290" s="3" t="s">
        <v>33</v>
      </c>
      <c r="M290" s="3" t="s">
        <v>74</v>
      </c>
      <c r="N290" s="3" t="s">
        <v>52</v>
      </c>
      <c r="O290" s="3" t="s">
        <v>36</v>
      </c>
      <c r="P290" s="3" t="s">
        <v>37</v>
      </c>
      <c r="Q290" s="3" t="s">
        <v>37</v>
      </c>
      <c r="R290" s="3" t="s">
        <v>39</v>
      </c>
      <c r="S290" s="3" t="s">
        <v>1518</v>
      </c>
      <c r="T290" s="3" t="s">
        <v>37</v>
      </c>
      <c r="U290" s="3" t="s">
        <v>37</v>
      </c>
      <c r="V290" s="3" t="s">
        <v>37</v>
      </c>
    </row>
    <row r="291" spans="1:22" ht="14.45" customHeight="1" x14ac:dyDescent="0.25">
      <c r="A291" s="3" t="s">
        <v>904</v>
      </c>
      <c r="B291" s="4" t="s">
        <v>740</v>
      </c>
      <c r="C291" s="3" t="s">
        <v>741</v>
      </c>
      <c r="D291" s="5" t="s">
        <v>353</v>
      </c>
      <c r="E291" s="3" t="s">
        <v>1102</v>
      </c>
      <c r="F291" s="3" t="s">
        <v>1519</v>
      </c>
      <c r="G291" s="3" t="s">
        <v>771</v>
      </c>
      <c r="H291" s="3" t="s">
        <v>88</v>
      </c>
      <c r="I291" s="3" t="s">
        <v>1520</v>
      </c>
      <c r="J291" s="3" t="s">
        <v>1521</v>
      </c>
      <c r="K291" s="3" t="s">
        <v>32</v>
      </c>
      <c r="L291" s="3" t="s">
        <v>33</v>
      </c>
      <c r="M291" s="3" t="s">
        <v>74</v>
      </c>
      <c r="N291" s="3" t="s">
        <v>370</v>
      </c>
      <c r="O291" s="3" t="s">
        <v>105</v>
      </c>
      <c r="P291" s="3" t="s">
        <v>37</v>
      </c>
      <c r="Q291" s="3" t="s">
        <v>37</v>
      </c>
      <c r="R291" s="3" t="s">
        <v>39</v>
      </c>
      <c r="S291" s="3" t="s">
        <v>1522</v>
      </c>
      <c r="T291" s="3" t="s">
        <v>37</v>
      </c>
      <c r="U291" s="3" t="s">
        <v>37</v>
      </c>
      <c r="V291" s="3" t="s">
        <v>37</v>
      </c>
    </row>
    <row r="292" spans="1:22" ht="14.45" customHeight="1" x14ac:dyDescent="0.25">
      <c r="A292" s="3" t="s">
        <v>904</v>
      </c>
      <c r="B292" s="4" t="s">
        <v>740</v>
      </c>
      <c r="C292" s="3" t="s">
        <v>741</v>
      </c>
      <c r="D292" s="5" t="s">
        <v>494</v>
      </c>
      <c r="E292" s="3" t="s">
        <v>927</v>
      </c>
      <c r="F292" s="3" t="s">
        <v>1091</v>
      </c>
      <c r="G292" s="3" t="s">
        <v>309</v>
      </c>
      <c r="H292" s="3" t="s">
        <v>29</v>
      </c>
      <c r="I292" s="3" t="s">
        <v>929</v>
      </c>
      <c r="J292" s="7" t="s">
        <v>930</v>
      </c>
      <c r="K292" s="3" t="s">
        <v>32</v>
      </c>
      <c r="L292" s="3" t="s">
        <v>33</v>
      </c>
      <c r="M292" s="3" t="s">
        <v>931</v>
      </c>
      <c r="N292" s="3" t="s">
        <v>234</v>
      </c>
      <c r="O292" s="3" t="s">
        <v>154</v>
      </c>
      <c r="P292" s="3" t="s">
        <v>37</v>
      </c>
      <c r="Q292" s="3" t="s">
        <v>37</v>
      </c>
      <c r="R292" s="3" t="s">
        <v>39</v>
      </c>
      <c r="S292" s="3" t="s">
        <v>1092</v>
      </c>
      <c r="T292" s="3" t="s">
        <v>37</v>
      </c>
      <c r="U292" s="3" t="s">
        <v>37</v>
      </c>
      <c r="V292" s="3" t="s">
        <v>37</v>
      </c>
    </row>
    <row r="293" spans="1:22" ht="14.45" customHeight="1" x14ac:dyDescent="0.25">
      <c r="A293" s="3" t="s">
        <v>904</v>
      </c>
      <c r="B293" s="4" t="s">
        <v>740</v>
      </c>
      <c r="C293" s="3" t="s">
        <v>741</v>
      </c>
      <c r="D293" s="5" t="s">
        <v>1301</v>
      </c>
      <c r="E293" s="3" t="s">
        <v>927</v>
      </c>
      <c r="F293" s="3" t="s">
        <v>1523</v>
      </c>
      <c r="G293" s="3" t="s">
        <v>88</v>
      </c>
      <c r="H293" s="3" t="s">
        <v>29</v>
      </c>
      <c r="I293" s="3" t="s">
        <v>929</v>
      </c>
      <c r="J293" s="3" t="s">
        <v>1524</v>
      </c>
      <c r="K293" s="3" t="s">
        <v>32</v>
      </c>
      <c r="L293" s="3" t="s">
        <v>33</v>
      </c>
      <c r="M293" s="3" t="s">
        <v>931</v>
      </c>
      <c r="N293" s="3" t="s">
        <v>234</v>
      </c>
      <c r="O293" s="3" t="s">
        <v>154</v>
      </c>
      <c r="P293" s="3" t="s">
        <v>37</v>
      </c>
      <c r="Q293" s="3" t="s">
        <v>37</v>
      </c>
      <c r="R293" s="3" t="s">
        <v>39</v>
      </c>
      <c r="S293" s="3" t="s">
        <v>1525</v>
      </c>
      <c r="T293" s="3" t="s">
        <v>37</v>
      </c>
      <c r="U293" s="3" t="s">
        <v>37</v>
      </c>
      <c r="V293" s="3" t="s">
        <v>37</v>
      </c>
    </row>
    <row r="294" spans="1:22" ht="14.45" customHeight="1" x14ac:dyDescent="0.25">
      <c r="A294" s="3" t="s">
        <v>904</v>
      </c>
      <c r="B294" s="4" t="s">
        <v>740</v>
      </c>
      <c r="C294" s="3" t="s">
        <v>741</v>
      </c>
      <c r="D294" s="5" t="s">
        <v>362</v>
      </c>
      <c r="E294" s="3" t="s">
        <v>927</v>
      </c>
      <c r="F294" s="3" t="s">
        <v>1318</v>
      </c>
      <c r="G294" s="3" t="s">
        <v>49</v>
      </c>
      <c r="H294" s="3" t="s">
        <v>29</v>
      </c>
      <c r="I294" s="3" t="s">
        <v>936</v>
      </c>
      <c r="J294" s="7" t="s">
        <v>930</v>
      </c>
      <c r="K294" s="3" t="s">
        <v>32</v>
      </c>
      <c r="L294" s="3" t="s">
        <v>33</v>
      </c>
      <c r="M294" s="3" t="s">
        <v>931</v>
      </c>
      <c r="N294" s="3" t="s">
        <v>234</v>
      </c>
      <c r="O294" s="3" t="s">
        <v>154</v>
      </c>
      <c r="P294" s="3" t="s">
        <v>37</v>
      </c>
      <c r="Q294" s="3" t="s">
        <v>37</v>
      </c>
      <c r="R294" s="3" t="s">
        <v>39</v>
      </c>
      <c r="S294" s="3" t="s">
        <v>1319</v>
      </c>
      <c r="T294" s="3" t="s">
        <v>37</v>
      </c>
      <c r="U294" s="3" t="s">
        <v>37</v>
      </c>
      <c r="V294" s="3" t="s">
        <v>37</v>
      </c>
    </row>
    <row r="295" spans="1:22" ht="14.45" customHeight="1" x14ac:dyDescent="0.25">
      <c r="A295" s="3" t="s">
        <v>904</v>
      </c>
      <c r="B295" s="4" t="s">
        <v>740</v>
      </c>
      <c r="C295" s="3" t="s">
        <v>741</v>
      </c>
      <c r="D295" s="5" t="s">
        <v>1040</v>
      </c>
      <c r="E295" s="3" t="s">
        <v>1211</v>
      </c>
      <c r="F295" s="3" t="s">
        <v>1503</v>
      </c>
      <c r="G295" s="3" t="s">
        <v>110</v>
      </c>
      <c r="H295" s="3" t="s">
        <v>29</v>
      </c>
      <c r="I295" s="3" t="s">
        <v>1213</v>
      </c>
      <c r="J295" s="3" t="s">
        <v>1504</v>
      </c>
      <c r="K295" s="3" t="s">
        <v>32</v>
      </c>
      <c r="L295" s="3" t="s">
        <v>33</v>
      </c>
      <c r="M295" s="3" t="s">
        <v>74</v>
      </c>
      <c r="N295" s="3" t="s">
        <v>153</v>
      </c>
      <c r="O295" s="3" t="s">
        <v>105</v>
      </c>
      <c r="P295" s="3" t="s">
        <v>37</v>
      </c>
      <c r="Q295" s="3" t="s">
        <v>37</v>
      </c>
      <c r="R295" s="3" t="s">
        <v>39</v>
      </c>
      <c r="S295" s="3" t="s">
        <v>1505</v>
      </c>
      <c r="T295" s="3" t="s">
        <v>37</v>
      </c>
      <c r="U295" s="3" t="s">
        <v>37</v>
      </c>
      <c r="V295" s="3" t="s">
        <v>37</v>
      </c>
    </row>
    <row r="296" spans="1:22" ht="14.45" customHeight="1" x14ac:dyDescent="0.25">
      <c r="A296" s="3" t="s">
        <v>904</v>
      </c>
      <c r="B296" s="4" t="s">
        <v>740</v>
      </c>
      <c r="C296" s="3" t="s">
        <v>741</v>
      </c>
      <c r="D296" s="5" t="s">
        <v>220</v>
      </c>
      <c r="E296" s="3" t="s">
        <v>1226</v>
      </c>
      <c r="F296" s="3" t="s">
        <v>1506</v>
      </c>
      <c r="G296" s="3" t="s">
        <v>167</v>
      </c>
      <c r="H296" s="3" t="s">
        <v>133</v>
      </c>
      <c r="I296" s="3" t="s">
        <v>1435</v>
      </c>
      <c r="J296" s="3" t="s">
        <v>1270</v>
      </c>
      <c r="K296" s="3" t="s">
        <v>32</v>
      </c>
      <c r="L296" s="3" t="s">
        <v>33</v>
      </c>
      <c r="M296" s="3" t="s">
        <v>74</v>
      </c>
      <c r="N296" s="3" t="s">
        <v>234</v>
      </c>
      <c r="O296" s="3" t="s">
        <v>37</v>
      </c>
      <c r="P296" s="3" t="s">
        <v>37</v>
      </c>
      <c r="Q296" s="3" t="s">
        <v>37</v>
      </c>
      <c r="R296" s="3" t="s">
        <v>39</v>
      </c>
      <c r="S296" s="3" t="s">
        <v>1507</v>
      </c>
      <c r="T296" s="3" t="s">
        <v>37</v>
      </c>
      <c r="U296" s="3" t="s">
        <v>37</v>
      </c>
      <c r="V296" s="3" t="s">
        <v>37</v>
      </c>
    </row>
    <row r="297" spans="1:22" ht="14.45" customHeight="1" x14ac:dyDescent="0.25">
      <c r="A297" s="3" t="s">
        <v>904</v>
      </c>
      <c r="B297" s="4" t="s">
        <v>740</v>
      </c>
      <c r="C297" s="3" t="s">
        <v>741</v>
      </c>
      <c r="D297" s="5" t="s">
        <v>1304</v>
      </c>
      <c r="E297" s="3" t="s">
        <v>1226</v>
      </c>
      <c r="F297" s="3" t="s">
        <v>1434</v>
      </c>
      <c r="G297" s="3" t="s">
        <v>514</v>
      </c>
      <c r="H297" s="3" t="s">
        <v>133</v>
      </c>
      <c r="I297" s="3" t="s">
        <v>1435</v>
      </c>
      <c r="J297" s="3" t="s">
        <v>1270</v>
      </c>
      <c r="K297" s="3" t="s">
        <v>32</v>
      </c>
      <c r="L297" s="3" t="s">
        <v>33</v>
      </c>
      <c r="M297" s="3" t="s">
        <v>74</v>
      </c>
      <c r="N297" s="3" t="s">
        <v>234</v>
      </c>
      <c r="O297" s="3" t="s">
        <v>37</v>
      </c>
      <c r="P297" s="3" t="s">
        <v>37</v>
      </c>
      <c r="Q297" s="3" t="s">
        <v>37</v>
      </c>
      <c r="R297" s="3" t="s">
        <v>39</v>
      </c>
      <c r="S297" s="3" t="s">
        <v>1436</v>
      </c>
      <c r="T297" s="3" t="s">
        <v>37</v>
      </c>
      <c r="U297" s="3" t="s">
        <v>37</v>
      </c>
      <c r="V297" s="3" t="s">
        <v>37</v>
      </c>
    </row>
    <row r="298" spans="1:22" ht="14.45" customHeight="1" x14ac:dyDescent="0.25">
      <c r="A298" s="3" t="s">
        <v>904</v>
      </c>
      <c r="B298" s="4" t="s">
        <v>740</v>
      </c>
      <c r="C298" s="3" t="s">
        <v>741</v>
      </c>
      <c r="D298" s="5" t="s">
        <v>380</v>
      </c>
      <c r="E298" s="3" t="s">
        <v>996</v>
      </c>
      <c r="F298" s="3" t="s">
        <v>1508</v>
      </c>
      <c r="G298" s="3" t="s">
        <v>405</v>
      </c>
      <c r="H298" s="3" t="s">
        <v>133</v>
      </c>
      <c r="I298" s="3" t="s">
        <v>37</v>
      </c>
      <c r="J298" s="8" t="s">
        <v>1509</v>
      </c>
      <c r="K298" s="3" t="s">
        <v>32</v>
      </c>
      <c r="L298" s="3" t="s">
        <v>33</v>
      </c>
      <c r="M298" s="3" t="s">
        <v>74</v>
      </c>
      <c r="N298" s="3" t="s">
        <v>75</v>
      </c>
      <c r="O298" s="3" t="s">
        <v>105</v>
      </c>
      <c r="P298" s="3" t="s">
        <v>37</v>
      </c>
      <c r="Q298" s="3" t="s">
        <v>37</v>
      </c>
      <c r="R298" s="3" t="s">
        <v>39</v>
      </c>
      <c r="S298" s="3" t="s">
        <v>1510</v>
      </c>
      <c r="T298" s="3" t="s">
        <v>37</v>
      </c>
      <c r="U298" s="3" t="s">
        <v>37</v>
      </c>
      <c r="V298" s="3" t="s">
        <v>37</v>
      </c>
    </row>
    <row r="299" spans="1:22" ht="14.45" customHeight="1" x14ac:dyDescent="0.25">
      <c r="A299" s="3" t="s">
        <v>904</v>
      </c>
      <c r="B299" s="4" t="s">
        <v>740</v>
      </c>
      <c r="C299" s="3" t="s">
        <v>741</v>
      </c>
      <c r="D299" s="5" t="s">
        <v>229</v>
      </c>
      <c r="E299" s="3" t="s">
        <v>495</v>
      </c>
      <c r="F299" s="3" t="s">
        <v>1284</v>
      </c>
      <c r="G299" s="3" t="s">
        <v>1511</v>
      </c>
      <c r="H299" s="3" t="s">
        <v>207</v>
      </c>
      <c r="I299" s="3" t="s">
        <v>37</v>
      </c>
      <c r="J299" s="8" t="s">
        <v>1021</v>
      </c>
      <c r="K299" s="3" t="s">
        <v>32</v>
      </c>
      <c r="L299" s="3" t="s">
        <v>33</v>
      </c>
      <c r="M299" s="3" t="s">
        <v>34</v>
      </c>
      <c r="N299" s="3" t="s">
        <v>234</v>
      </c>
      <c r="O299" s="3" t="s">
        <v>37</v>
      </c>
      <c r="P299" s="3" t="s">
        <v>37</v>
      </c>
      <c r="Q299" s="3" t="s">
        <v>37</v>
      </c>
      <c r="R299" s="3" t="s">
        <v>39</v>
      </c>
      <c r="S299" s="3" t="s">
        <v>1512</v>
      </c>
      <c r="T299" s="3" t="s">
        <v>37</v>
      </c>
      <c r="U299" s="3" t="s">
        <v>37</v>
      </c>
      <c r="V299" s="3" t="s">
        <v>37</v>
      </c>
    </row>
    <row r="300" spans="1:22" ht="14.45" customHeight="1" x14ac:dyDescent="0.25">
      <c r="A300" s="3" t="s">
        <v>904</v>
      </c>
      <c r="B300" s="4" t="s">
        <v>740</v>
      </c>
      <c r="C300" s="3" t="s">
        <v>741</v>
      </c>
      <c r="D300" s="5" t="s">
        <v>1306</v>
      </c>
      <c r="E300" s="3" t="s">
        <v>495</v>
      </c>
      <c r="F300" s="3" t="s">
        <v>1284</v>
      </c>
      <c r="G300" s="3" t="s">
        <v>1129</v>
      </c>
      <c r="H300" s="3" t="s">
        <v>207</v>
      </c>
      <c r="I300" s="3" t="s">
        <v>37</v>
      </c>
      <c r="J300" s="8" t="s">
        <v>1021</v>
      </c>
      <c r="K300" s="3" t="s">
        <v>32</v>
      </c>
      <c r="L300" s="3" t="s">
        <v>33</v>
      </c>
      <c r="M300" s="3" t="s">
        <v>34</v>
      </c>
      <c r="N300" s="3" t="s">
        <v>234</v>
      </c>
      <c r="O300" s="3" t="s">
        <v>37</v>
      </c>
      <c r="P300" s="3" t="s">
        <v>37</v>
      </c>
      <c r="Q300" s="3" t="s">
        <v>37</v>
      </c>
      <c r="R300" s="3" t="s">
        <v>39</v>
      </c>
      <c r="S300" s="3" t="s">
        <v>1440</v>
      </c>
      <c r="T300" s="3" t="s">
        <v>37</v>
      </c>
      <c r="U300" s="3" t="s">
        <v>37</v>
      </c>
      <c r="V300" s="3" t="s">
        <v>37</v>
      </c>
    </row>
    <row r="301" spans="1:22" ht="14.45" customHeight="1" x14ac:dyDescent="0.25">
      <c r="A301" s="3" t="s">
        <v>904</v>
      </c>
      <c r="B301" s="4" t="s">
        <v>740</v>
      </c>
      <c r="C301" s="3" t="s">
        <v>741</v>
      </c>
      <c r="D301" s="5" t="s">
        <v>1053</v>
      </c>
      <c r="E301" s="3" t="s">
        <v>1024</v>
      </c>
      <c r="F301" s="3" t="s">
        <v>1513</v>
      </c>
      <c r="G301" s="3" t="s">
        <v>197</v>
      </c>
      <c r="H301" s="3" t="s">
        <v>133</v>
      </c>
      <c r="I301" s="3" t="s">
        <v>37</v>
      </c>
      <c r="J301" s="3" t="s">
        <v>1514</v>
      </c>
      <c r="K301" s="3" t="s">
        <v>32</v>
      </c>
      <c r="L301" s="3" t="s">
        <v>33</v>
      </c>
      <c r="M301" s="3" t="s">
        <v>74</v>
      </c>
      <c r="N301" s="3" t="s">
        <v>153</v>
      </c>
      <c r="O301" s="3" t="s">
        <v>53</v>
      </c>
      <c r="P301" s="3" t="s">
        <v>54</v>
      </c>
      <c r="Q301" s="3" t="s">
        <v>37</v>
      </c>
      <c r="R301" s="3" t="s">
        <v>39</v>
      </c>
      <c r="S301" s="3" t="s">
        <v>1515</v>
      </c>
      <c r="T301" s="3" t="s">
        <v>37</v>
      </c>
      <c r="U301" s="3" t="s">
        <v>37</v>
      </c>
      <c r="V301" s="3" t="s">
        <v>37</v>
      </c>
    </row>
    <row r="302" spans="1:22" ht="14.45" customHeight="1" x14ac:dyDescent="0.25">
      <c r="A302" s="3" t="s">
        <v>904</v>
      </c>
      <c r="B302" s="4" t="s">
        <v>740</v>
      </c>
      <c r="C302" s="3" t="s">
        <v>741</v>
      </c>
      <c r="D302" s="5" t="s">
        <v>240</v>
      </c>
      <c r="E302" s="3" t="s">
        <v>1028</v>
      </c>
      <c r="F302" s="3" t="s">
        <v>1516</v>
      </c>
      <c r="G302" s="3" t="s">
        <v>552</v>
      </c>
      <c r="H302" s="3" t="s">
        <v>88</v>
      </c>
      <c r="I302" s="3" t="s">
        <v>1292</v>
      </c>
      <c r="J302" s="3" t="s">
        <v>1517</v>
      </c>
      <c r="K302" s="3" t="s">
        <v>32</v>
      </c>
      <c r="L302" s="3" t="s">
        <v>33</v>
      </c>
      <c r="M302" s="3" t="s">
        <v>74</v>
      </c>
      <c r="N302" s="3" t="s">
        <v>52</v>
      </c>
      <c r="O302" s="3" t="s">
        <v>36</v>
      </c>
      <c r="P302" s="3" t="s">
        <v>37</v>
      </c>
      <c r="Q302" s="3" t="s">
        <v>37</v>
      </c>
      <c r="R302" s="3" t="s">
        <v>39</v>
      </c>
      <c r="S302" s="3" t="s">
        <v>1518</v>
      </c>
      <c r="T302" s="3" t="s">
        <v>37</v>
      </c>
      <c r="U302" s="3" t="s">
        <v>37</v>
      </c>
      <c r="V302" s="3" t="s">
        <v>37</v>
      </c>
    </row>
    <row r="303" spans="1:22" ht="14.45" customHeight="1" x14ac:dyDescent="0.25">
      <c r="A303" s="3" t="s">
        <v>904</v>
      </c>
      <c r="B303" s="4" t="s">
        <v>740</v>
      </c>
      <c r="C303" s="3" t="s">
        <v>741</v>
      </c>
      <c r="D303" s="5" t="s">
        <v>1060</v>
      </c>
      <c r="E303" s="3" t="s">
        <v>916</v>
      </c>
      <c r="F303" s="3" t="s">
        <v>1175</v>
      </c>
      <c r="G303" s="3" t="s">
        <v>935</v>
      </c>
      <c r="H303" s="3" t="s">
        <v>29</v>
      </c>
      <c r="I303" s="3" t="s">
        <v>918</v>
      </c>
      <c r="J303" s="3" t="s">
        <v>1176</v>
      </c>
      <c r="K303" s="3" t="s">
        <v>32</v>
      </c>
      <c r="L303" s="3" t="s">
        <v>33</v>
      </c>
      <c r="M303" s="3" t="s">
        <v>34</v>
      </c>
      <c r="N303" s="3" t="s">
        <v>75</v>
      </c>
      <c r="O303" s="3" t="s">
        <v>53</v>
      </c>
      <c r="P303" s="3" t="s">
        <v>37</v>
      </c>
      <c r="Q303" s="3" t="s">
        <v>37</v>
      </c>
      <c r="R303" s="3" t="s">
        <v>39</v>
      </c>
      <c r="S303" s="3" t="s">
        <v>1177</v>
      </c>
      <c r="T303" s="3" t="s">
        <v>37</v>
      </c>
      <c r="U303" s="3" t="s">
        <v>37</v>
      </c>
      <c r="V303" s="3" t="s">
        <v>37</v>
      </c>
    </row>
    <row r="304" spans="1:22" ht="14.45" customHeight="1" x14ac:dyDescent="0.25">
      <c r="A304" s="3"/>
      <c r="B304" s="4"/>
      <c r="C304" s="3"/>
      <c r="D304" s="5"/>
      <c r="E304" s="6" t="s">
        <v>1064</v>
      </c>
      <c r="F304" s="3"/>
      <c r="G304" s="3"/>
      <c r="H304" s="3"/>
      <c r="I304" s="3"/>
      <c r="J304" s="3"/>
      <c r="K304" s="3"/>
      <c r="L304" s="3"/>
      <c r="M304" s="3"/>
      <c r="N304" s="3"/>
      <c r="O304" s="3"/>
      <c r="P304" s="3"/>
      <c r="Q304" s="3"/>
      <c r="R304" s="3"/>
      <c r="S304" s="3"/>
      <c r="T304" s="3"/>
      <c r="U304" s="3"/>
      <c r="V304" s="3"/>
    </row>
    <row r="305" spans="1:22" ht="14.45" customHeight="1" x14ac:dyDescent="0.25">
      <c r="A305" s="3"/>
      <c r="B305" s="4"/>
      <c r="C305" s="3"/>
      <c r="D305" s="5"/>
      <c r="E305" s="3"/>
      <c r="F305" s="3"/>
      <c r="G305" s="3"/>
      <c r="H305" s="3"/>
      <c r="I305" s="3"/>
      <c r="J305" s="3"/>
      <c r="K305" s="3"/>
      <c r="L305" s="3"/>
      <c r="M305" s="3"/>
      <c r="N305" s="3"/>
      <c r="O305" s="3"/>
      <c r="P305" s="3"/>
      <c r="Q305" s="3"/>
      <c r="R305" s="3"/>
      <c r="S305" s="3"/>
      <c r="T305" s="3"/>
      <c r="U305" s="3"/>
      <c r="V305" s="3"/>
    </row>
    <row r="306" spans="1:22" ht="14.45" customHeight="1" x14ac:dyDescent="0.25">
      <c r="A306" s="3" t="s">
        <v>904</v>
      </c>
      <c r="B306" s="4" t="s">
        <v>829</v>
      </c>
      <c r="C306" s="3" t="s">
        <v>830</v>
      </c>
      <c r="D306" s="5" t="s">
        <v>25</v>
      </c>
      <c r="E306" s="3" t="s">
        <v>905</v>
      </c>
      <c r="F306" s="3" t="s">
        <v>1526</v>
      </c>
      <c r="G306" s="3" t="s">
        <v>1527</v>
      </c>
      <c r="H306" s="3" t="s">
        <v>88</v>
      </c>
      <c r="I306" s="3" t="s">
        <v>913</v>
      </c>
      <c r="J306" s="3" t="s">
        <v>1528</v>
      </c>
      <c r="K306" s="3" t="s">
        <v>32</v>
      </c>
      <c r="L306" s="3" t="s">
        <v>33</v>
      </c>
      <c r="M306" s="3" t="s">
        <v>74</v>
      </c>
      <c r="N306" s="3" t="s">
        <v>909</v>
      </c>
      <c r="O306" s="3" t="s">
        <v>105</v>
      </c>
      <c r="P306" s="3" t="s">
        <v>37</v>
      </c>
      <c r="Q306" s="3" t="s">
        <v>37</v>
      </c>
      <c r="R306" s="3" t="s">
        <v>39</v>
      </c>
      <c r="S306" s="3" t="s">
        <v>1529</v>
      </c>
      <c r="T306" s="3" t="s">
        <v>37</v>
      </c>
      <c r="U306" s="3" t="s">
        <v>37</v>
      </c>
      <c r="V306" s="3" t="s">
        <v>37</v>
      </c>
    </row>
    <row r="307" spans="1:22" ht="14.45" customHeight="1" x14ac:dyDescent="0.25">
      <c r="A307" s="3" t="s">
        <v>904</v>
      </c>
      <c r="B307" s="4" t="s">
        <v>829</v>
      </c>
      <c r="C307" s="3" t="s">
        <v>830</v>
      </c>
      <c r="D307" s="5" t="s">
        <v>911</v>
      </c>
      <c r="E307" s="3" t="s">
        <v>905</v>
      </c>
      <c r="F307" s="3" t="s">
        <v>1530</v>
      </c>
      <c r="G307" s="3" t="s">
        <v>1323</v>
      </c>
      <c r="H307" s="3" t="s">
        <v>88</v>
      </c>
      <c r="I307" s="3" t="s">
        <v>1531</v>
      </c>
      <c r="J307" s="3" t="s">
        <v>1532</v>
      </c>
      <c r="K307" s="3" t="s">
        <v>32</v>
      </c>
      <c r="L307" s="3" t="s">
        <v>37</v>
      </c>
      <c r="M307" s="3" t="s">
        <v>74</v>
      </c>
      <c r="N307" s="3" t="s">
        <v>909</v>
      </c>
      <c r="O307" s="3" t="s">
        <v>105</v>
      </c>
      <c r="P307" s="3" t="s">
        <v>37</v>
      </c>
      <c r="Q307" s="3" t="s">
        <v>37</v>
      </c>
      <c r="R307" s="3" t="s">
        <v>39</v>
      </c>
      <c r="S307" s="3" t="s">
        <v>1533</v>
      </c>
      <c r="T307" s="3" t="s">
        <v>37</v>
      </c>
      <c r="U307" s="3" t="s">
        <v>37</v>
      </c>
      <c r="V307" s="3" t="s">
        <v>37</v>
      </c>
    </row>
    <row r="308" spans="1:22" ht="14.45" customHeight="1" x14ac:dyDescent="0.25">
      <c r="A308" s="3" t="s">
        <v>904</v>
      </c>
      <c r="B308" s="4" t="s">
        <v>829</v>
      </c>
      <c r="C308" s="3" t="s">
        <v>830</v>
      </c>
      <c r="D308" s="5" t="s">
        <v>46</v>
      </c>
      <c r="E308" s="3" t="s">
        <v>927</v>
      </c>
      <c r="F308" s="3" t="s">
        <v>1141</v>
      </c>
      <c r="G308" s="3" t="s">
        <v>173</v>
      </c>
      <c r="H308" s="3" t="s">
        <v>29</v>
      </c>
      <c r="I308" s="3" t="s">
        <v>936</v>
      </c>
      <c r="J308" s="7" t="s">
        <v>930</v>
      </c>
      <c r="K308" s="3" t="s">
        <v>32</v>
      </c>
      <c r="L308" s="3" t="s">
        <v>33</v>
      </c>
      <c r="M308" s="3" t="s">
        <v>931</v>
      </c>
      <c r="N308" s="3" t="s">
        <v>234</v>
      </c>
      <c r="O308" s="3" t="s">
        <v>154</v>
      </c>
      <c r="P308" s="3" t="s">
        <v>37</v>
      </c>
      <c r="Q308" s="3" t="s">
        <v>37</v>
      </c>
      <c r="R308" s="3" t="s">
        <v>39</v>
      </c>
      <c r="S308" s="3" t="s">
        <v>1142</v>
      </c>
      <c r="T308" s="3" t="s">
        <v>37</v>
      </c>
      <c r="U308" s="3" t="s">
        <v>37</v>
      </c>
      <c r="V308" s="3" t="s">
        <v>37</v>
      </c>
    </row>
    <row r="309" spans="1:22" ht="14.45" customHeight="1" x14ac:dyDescent="0.25">
      <c r="A309" s="3" t="s">
        <v>904</v>
      </c>
      <c r="B309" s="4" t="s">
        <v>829</v>
      </c>
      <c r="C309" s="3" t="s">
        <v>830</v>
      </c>
      <c r="D309" s="5" t="s">
        <v>1187</v>
      </c>
      <c r="E309" s="3" t="s">
        <v>927</v>
      </c>
      <c r="F309" s="3" t="s">
        <v>1088</v>
      </c>
      <c r="G309" s="3" t="s">
        <v>145</v>
      </c>
      <c r="H309" s="3" t="s">
        <v>29</v>
      </c>
      <c r="I309" s="3" t="s">
        <v>936</v>
      </c>
      <c r="J309" s="3" t="s">
        <v>1089</v>
      </c>
      <c r="K309" s="3" t="s">
        <v>32</v>
      </c>
      <c r="L309" s="3" t="s">
        <v>33</v>
      </c>
      <c r="M309" s="3" t="s">
        <v>931</v>
      </c>
      <c r="N309" s="3" t="s">
        <v>234</v>
      </c>
      <c r="O309" s="3" t="s">
        <v>154</v>
      </c>
      <c r="P309" s="3" t="s">
        <v>37</v>
      </c>
      <c r="Q309" s="3" t="s">
        <v>37</v>
      </c>
      <c r="R309" s="3" t="s">
        <v>39</v>
      </c>
      <c r="S309" s="3" t="s">
        <v>1090</v>
      </c>
      <c r="T309" s="3" t="s">
        <v>37</v>
      </c>
      <c r="U309" s="3" t="s">
        <v>37</v>
      </c>
      <c r="V309" s="3" t="s">
        <v>37</v>
      </c>
    </row>
    <row r="310" spans="1:22" ht="14.45" customHeight="1" x14ac:dyDescent="0.25">
      <c r="A310" s="3" t="s">
        <v>904</v>
      </c>
      <c r="B310" s="4" t="s">
        <v>829</v>
      </c>
      <c r="C310" s="3" t="s">
        <v>830</v>
      </c>
      <c r="D310" s="5" t="s">
        <v>1188</v>
      </c>
      <c r="E310" s="3" t="s">
        <v>927</v>
      </c>
      <c r="F310" s="3" t="s">
        <v>1242</v>
      </c>
      <c r="G310" s="3" t="s">
        <v>191</v>
      </c>
      <c r="H310" s="3" t="s">
        <v>29</v>
      </c>
      <c r="I310" s="3" t="s">
        <v>936</v>
      </c>
      <c r="J310" s="7" t="s">
        <v>930</v>
      </c>
      <c r="K310" s="3" t="s">
        <v>32</v>
      </c>
      <c r="L310" s="3" t="s">
        <v>33</v>
      </c>
      <c r="M310" s="3" t="s">
        <v>931</v>
      </c>
      <c r="N310" s="3" t="s">
        <v>234</v>
      </c>
      <c r="O310" s="3" t="s">
        <v>154</v>
      </c>
      <c r="P310" s="3" t="s">
        <v>37</v>
      </c>
      <c r="Q310" s="3" t="s">
        <v>37</v>
      </c>
      <c r="R310" s="3" t="s">
        <v>39</v>
      </c>
      <c r="S310" s="3" t="s">
        <v>1243</v>
      </c>
      <c r="T310" s="3" t="s">
        <v>37</v>
      </c>
      <c r="U310" s="3" t="s">
        <v>37</v>
      </c>
      <c r="V310" s="3" t="s">
        <v>37</v>
      </c>
    </row>
    <row r="311" spans="1:22" ht="14.45" customHeight="1" x14ac:dyDescent="0.25">
      <c r="A311" s="3" t="s">
        <v>904</v>
      </c>
      <c r="B311" s="4" t="s">
        <v>829</v>
      </c>
      <c r="C311" s="3" t="s">
        <v>830</v>
      </c>
      <c r="D311" s="5" t="s">
        <v>921</v>
      </c>
      <c r="E311" s="3" t="s">
        <v>927</v>
      </c>
      <c r="F311" s="3" t="s">
        <v>1299</v>
      </c>
      <c r="G311" s="3" t="s">
        <v>262</v>
      </c>
      <c r="H311" s="3" t="s">
        <v>29</v>
      </c>
      <c r="I311" s="3" t="s">
        <v>936</v>
      </c>
      <c r="J311" s="7" t="s">
        <v>930</v>
      </c>
      <c r="K311" s="3" t="s">
        <v>32</v>
      </c>
      <c r="L311" s="3" t="s">
        <v>33</v>
      </c>
      <c r="M311" s="3" t="s">
        <v>931</v>
      </c>
      <c r="N311" s="3" t="s">
        <v>234</v>
      </c>
      <c r="O311" s="3" t="s">
        <v>154</v>
      </c>
      <c r="P311" s="3" t="s">
        <v>37</v>
      </c>
      <c r="Q311" s="3" t="s">
        <v>37</v>
      </c>
      <c r="R311" s="3" t="s">
        <v>39</v>
      </c>
      <c r="S311" s="3" t="s">
        <v>1300</v>
      </c>
      <c r="T311" s="3" t="s">
        <v>37</v>
      </c>
      <c r="U311" s="3" t="s">
        <v>37</v>
      </c>
      <c r="V311" s="3" t="s">
        <v>37</v>
      </c>
    </row>
    <row r="312" spans="1:22" ht="14.45" customHeight="1" x14ac:dyDescent="0.25">
      <c r="A312" s="3" t="s">
        <v>904</v>
      </c>
      <c r="B312" s="4" t="s">
        <v>829</v>
      </c>
      <c r="C312" s="3" t="s">
        <v>830</v>
      </c>
      <c r="D312" s="5" t="s">
        <v>642</v>
      </c>
      <c r="E312" s="3" t="s">
        <v>927</v>
      </c>
      <c r="F312" s="3" t="s">
        <v>1011</v>
      </c>
      <c r="G312" s="3" t="s">
        <v>514</v>
      </c>
      <c r="H312" s="3" t="s">
        <v>29</v>
      </c>
      <c r="I312" s="3" t="s">
        <v>929</v>
      </c>
      <c r="J312" s="3" t="s">
        <v>1012</v>
      </c>
      <c r="K312" s="3" t="s">
        <v>32</v>
      </c>
      <c r="L312" s="3" t="s">
        <v>33</v>
      </c>
      <c r="M312" s="3" t="s">
        <v>931</v>
      </c>
      <c r="N312" s="3" t="s">
        <v>234</v>
      </c>
      <c r="O312" s="3" t="s">
        <v>154</v>
      </c>
      <c r="P312" s="3" t="s">
        <v>37</v>
      </c>
      <c r="Q312" s="3" t="s">
        <v>37</v>
      </c>
      <c r="R312" s="3" t="s">
        <v>39</v>
      </c>
      <c r="S312" s="3" t="s">
        <v>1013</v>
      </c>
      <c r="T312" s="3" t="s">
        <v>37</v>
      </c>
      <c r="U312" s="3" t="s">
        <v>37</v>
      </c>
      <c r="V312" s="3" t="s">
        <v>37</v>
      </c>
    </row>
    <row r="313" spans="1:22" ht="14.45" customHeight="1" x14ac:dyDescent="0.25">
      <c r="A313" s="3" t="s">
        <v>904</v>
      </c>
      <c r="B313" s="4" t="s">
        <v>829</v>
      </c>
      <c r="C313" s="3" t="s">
        <v>830</v>
      </c>
      <c r="D313" s="5" t="s">
        <v>61</v>
      </c>
      <c r="E313" s="3" t="s">
        <v>927</v>
      </c>
      <c r="F313" s="3" t="s">
        <v>1143</v>
      </c>
      <c r="G313" s="3" t="s">
        <v>781</v>
      </c>
      <c r="H313" s="3" t="s">
        <v>29</v>
      </c>
      <c r="I313" s="3" t="s">
        <v>936</v>
      </c>
      <c r="J313" s="3" t="s">
        <v>1144</v>
      </c>
      <c r="K313" s="3" t="s">
        <v>32</v>
      </c>
      <c r="L313" s="3" t="s">
        <v>33</v>
      </c>
      <c r="M313" s="3" t="s">
        <v>931</v>
      </c>
      <c r="N313" s="3" t="s">
        <v>234</v>
      </c>
      <c r="O313" s="3" t="s">
        <v>154</v>
      </c>
      <c r="P313" s="3" t="s">
        <v>37</v>
      </c>
      <c r="Q313" s="3" t="s">
        <v>37</v>
      </c>
      <c r="R313" s="3" t="s">
        <v>39</v>
      </c>
      <c r="S313" s="3" t="s">
        <v>1145</v>
      </c>
      <c r="T313" s="3" t="s">
        <v>37</v>
      </c>
      <c r="U313" s="3" t="s">
        <v>37</v>
      </c>
      <c r="V313" s="3" t="s">
        <v>37</v>
      </c>
    </row>
    <row r="314" spans="1:22" ht="14.45" customHeight="1" x14ac:dyDescent="0.25">
      <c r="A314" s="3" t="s">
        <v>904</v>
      </c>
      <c r="B314" s="4" t="s">
        <v>829</v>
      </c>
      <c r="C314" s="3" t="s">
        <v>830</v>
      </c>
      <c r="D314" s="5" t="s">
        <v>926</v>
      </c>
      <c r="E314" s="3" t="s">
        <v>495</v>
      </c>
      <c r="F314" s="3" t="s">
        <v>1534</v>
      </c>
      <c r="G314" s="3" t="s">
        <v>1383</v>
      </c>
      <c r="H314" s="3" t="s">
        <v>88</v>
      </c>
      <c r="I314" s="3" t="s">
        <v>497</v>
      </c>
      <c r="J314" s="3" t="s">
        <v>1535</v>
      </c>
      <c r="K314" s="3" t="s">
        <v>32</v>
      </c>
      <c r="L314" s="3" t="s">
        <v>33</v>
      </c>
      <c r="M314" s="3" t="s">
        <v>34</v>
      </c>
      <c r="N314" s="3" t="s">
        <v>234</v>
      </c>
      <c r="O314" s="3" t="s">
        <v>105</v>
      </c>
      <c r="P314" s="3" t="s">
        <v>37</v>
      </c>
      <c r="Q314" s="3" t="s">
        <v>37</v>
      </c>
      <c r="R314" s="3" t="s">
        <v>39</v>
      </c>
      <c r="S314" s="3" t="s">
        <v>1536</v>
      </c>
      <c r="T314" s="3" t="s">
        <v>37</v>
      </c>
      <c r="U314" s="3" t="s">
        <v>37</v>
      </c>
      <c r="V314" s="3" t="s">
        <v>37</v>
      </c>
    </row>
    <row r="315" spans="1:22" ht="14.45" customHeight="1" x14ac:dyDescent="0.25">
      <c r="A315" s="3" t="s">
        <v>904</v>
      </c>
      <c r="B315" s="4" t="s">
        <v>829</v>
      </c>
      <c r="C315" s="3" t="s">
        <v>830</v>
      </c>
      <c r="D315" s="5" t="s">
        <v>942</v>
      </c>
      <c r="E315" s="3" t="s">
        <v>922</v>
      </c>
      <c r="F315" s="3" t="s">
        <v>1537</v>
      </c>
      <c r="G315" s="3" t="s">
        <v>359</v>
      </c>
      <c r="H315" s="3" t="s">
        <v>29</v>
      </c>
      <c r="I315" s="3" t="s">
        <v>37</v>
      </c>
      <c r="J315" s="3" t="s">
        <v>1538</v>
      </c>
      <c r="K315" s="3" t="s">
        <v>32</v>
      </c>
      <c r="L315" s="3" t="s">
        <v>33</v>
      </c>
      <c r="M315" s="3" t="s">
        <v>74</v>
      </c>
      <c r="N315" s="3" t="s">
        <v>75</v>
      </c>
      <c r="O315" s="3" t="s">
        <v>53</v>
      </c>
      <c r="P315" s="3" t="s">
        <v>37</v>
      </c>
      <c r="Q315" s="3" t="s">
        <v>37</v>
      </c>
      <c r="R315" s="3" t="s">
        <v>39</v>
      </c>
      <c r="S315" s="3" t="s">
        <v>1539</v>
      </c>
      <c r="T315" s="3" t="s">
        <v>37</v>
      </c>
      <c r="U315" s="3" t="s">
        <v>37</v>
      </c>
      <c r="V315" s="3" t="s">
        <v>37</v>
      </c>
    </row>
    <row r="316" spans="1:22" ht="14.45" customHeight="1" x14ac:dyDescent="0.25">
      <c r="A316" s="3" t="s">
        <v>904</v>
      </c>
      <c r="B316" s="4" t="s">
        <v>829</v>
      </c>
      <c r="C316" s="3" t="s">
        <v>830</v>
      </c>
      <c r="D316" s="5" t="s">
        <v>951</v>
      </c>
      <c r="E316" s="3" t="s">
        <v>922</v>
      </c>
      <c r="F316" s="3" t="s">
        <v>983</v>
      </c>
      <c r="G316" s="3" t="s">
        <v>145</v>
      </c>
      <c r="H316" s="3" t="s">
        <v>29</v>
      </c>
      <c r="I316" s="3" t="s">
        <v>37</v>
      </c>
      <c r="J316" s="3" t="s">
        <v>984</v>
      </c>
      <c r="K316" s="3" t="s">
        <v>32</v>
      </c>
      <c r="L316" s="3" t="s">
        <v>33</v>
      </c>
      <c r="M316" s="3" t="s">
        <v>74</v>
      </c>
      <c r="N316" s="3" t="s">
        <v>75</v>
      </c>
      <c r="O316" s="3" t="s">
        <v>37</v>
      </c>
      <c r="P316" s="3" t="s">
        <v>37</v>
      </c>
      <c r="Q316" s="3" t="s">
        <v>37</v>
      </c>
      <c r="R316" s="3" t="s">
        <v>39</v>
      </c>
      <c r="S316" s="3" t="s">
        <v>985</v>
      </c>
      <c r="T316" s="3" t="s">
        <v>37</v>
      </c>
      <c r="U316" s="3" t="s">
        <v>37</v>
      </c>
      <c r="V316" s="3" t="s">
        <v>37</v>
      </c>
    </row>
    <row r="317" spans="1:22" ht="14.45" customHeight="1" x14ac:dyDescent="0.25">
      <c r="A317" s="3" t="s">
        <v>904</v>
      </c>
      <c r="B317" s="4" t="s">
        <v>829</v>
      </c>
      <c r="C317" s="3" t="s">
        <v>830</v>
      </c>
      <c r="D317" s="5" t="s">
        <v>956</v>
      </c>
      <c r="E317" s="3" t="s">
        <v>922</v>
      </c>
      <c r="F317" s="3" t="s">
        <v>1202</v>
      </c>
      <c r="G317" s="3" t="s">
        <v>309</v>
      </c>
      <c r="H317" s="3" t="s">
        <v>29</v>
      </c>
      <c r="I317" s="3" t="s">
        <v>37</v>
      </c>
      <c r="J317" s="8" t="s">
        <v>987</v>
      </c>
      <c r="K317" s="3" t="s">
        <v>32</v>
      </c>
      <c r="L317" s="3" t="s">
        <v>33</v>
      </c>
      <c r="M317" s="3" t="s">
        <v>74</v>
      </c>
      <c r="N317" s="3" t="s">
        <v>75</v>
      </c>
      <c r="O317" s="3" t="s">
        <v>37</v>
      </c>
      <c r="P317" s="3" t="s">
        <v>37</v>
      </c>
      <c r="Q317" s="3" t="s">
        <v>37</v>
      </c>
      <c r="R317" s="3" t="s">
        <v>39</v>
      </c>
      <c r="S317" s="3" t="s">
        <v>1203</v>
      </c>
      <c r="T317" s="3" t="s">
        <v>37</v>
      </c>
      <c r="U317" s="3" t="s">
        <v>37</v>
      </c>
      <c r="V317" s="3" t="s">
        <v>37</v>
      </c>
    </row>
    <row r="318" spans="1:22" ht="14.45" customHeight="1" x14ac:dyDescent="0.25">
      <c r="A318" s="3" t="s">
        <v>904</v>
      </c>
      <c r="B318" s="4" t="s">
        <v>829</v>
      </c>
      <c r="C318" s="3" t="s">
        <v>830</v>
      </c>
      <c r="D318" s="5" t="s">
        <v>960</v>
      </c>
      <c r="E318" s="3" t="s">
        <v>905</v>
      </c>
      <c r="F318" s="3" t="s">
        <v>1540</v>
      </c>
      <c r="G318" s="3" t="s">
        <v>1463</v>
      </c>
      <c r="H318" s="3" t="s">
        <v>88</v>
      </c>
      <c r="I318" s="3" t="s">
        <v>913</v>
      </c>
      <c r="J318" s="3" t="s">
        <v>1541</v>
      </c>
      <c r="K318" s="3" t="s">
        <v>32</v>
      </c>
      <c r="L318" s="3" t="s">
        <v>33</v>
      </c>
      <c r="M318" s="3" t="s">
        <v>74</v>
      </c>
      <c r="N318" s="3" t="s">
        <v>909</v>
      </c>
      <c r="O318" s="3" t="s">
        <v>105</v>
      </c>
      <c r="P318" s="3" t="s">
        <v>37</v>
      </c>
      <c r="Q318" s="3" t="s">
        <v>37</v>
      </c>
      <c r="R318" s="3" t="s">
        <v>39</v>
      </c>
      <c r="S318" s="3" t="s">
        <v>1542</v>
      </c>
      <c r="T318" s="3" t="s">
        <v>37</v>
      </c>
      <c r="U318" s="3" t="s">
        <v>37</v>
      </c>
      <c r="V318" s="3" t="s">
        <v>37</v>
      </c>
    </row>
    <row r="319" spans="1:22" ht="14.45" customHeight="1" x14ac:dyDescent="0.25">
      <c r="A319" s="3" t="s">
        <v>904</v>
      </c>
      <c r="B319" s="4" t="s">
        <v>829</v>
      </c>
      <c r="C319" s="3" t="s">
        <v>830</v>
      </c>
      <c r="D319" s="5" t="s">
        <v>965</v>
      </c>
      <c r="E319" s="3" t="s">
        <v>1211</v>
      </c>
      <c r="F319" s="3" t="s">
        <v>1543</v>
      </c>
      <c r="G319" s="3" t="s">
        <v>935</v>
      </c>
      <c r="H319" s="3" t="s">
        <v>29</v>
      </c>
      <c r="I319" s="3" t="s">
        <v>1213</v>
      </c>
      <c r="J319" s="3" t="s">
        <v>1544</v>
      </c>
      <c r="K319" s="3" t="s">
        <v>32</v>
      </c>
      <c r="L319" s="3" t="s">
        <v>33</v>
      </c>
      <c r="M319" s="3" t="s">
        <v>74</v>
      </c>
      <c r="N319" s="3" t="s">
        <v>153</v>
      </c>
      <c r="O319" s="3" t="s">
        <v>105</v>
      </c>
      <c r="P319" s="3" t="s">
        <v>37</v>
      </c>
      <c r="Q319" s="3" t="s">
        <v>37</v>
      </c>
      <c r="R319" s="3" t="s">
        <v>39</v>
      </c>
      <c r="S319" s="3" t="s">
        <v>1545</v>
      </c>
      <c r="T319" s="3" t="s">
        <v>37</v>
      </c>
      <c r="U319" s="3" t="s">
        <v>37</v>
      </c>
      <c r="V319" s="3" t="s">
        <v>37</v>
      </c>
    </row>
    <row r="320" spans="1:22" ht="14.45" customHeight="1" x14ac:dyDescent="0.25">
      <c r="A320" s="3" t="s">
        <v>904</v>
      </c>
      <c r="B320" s="4" t="s">
        <v>829</v>
      </c>
      <c r="C320" s="3" t="s">
        <v>830</v>
      </c>
      <c r="D320" s="5" t="s">
        <v>969</v>
      </c>
      <c r="E320" s="3" t="s">
        <v>1211</v>
      </c>
      <c r="F320" s="3" t="s">
        <v>1546</v>
      </c>
      <c r="G320" s="3" t="s">
        <v>64</v>
      </c>
      <c r="H320" s="3" t="s">
        <v>29</v>
      </c>
      <c r="I320" s="3" t="s">
        <v>1213</v>
      </c>
      <c r="J320" s="3" t="s">
        <v>1547</v>
      </c>
      <c r="K320" s="3" t="s">
        <v>32</v>
      </c>
      <c r="L320" s="3" t="s">
        <v>33</v>
      </c>
      <c r="M320" s="3" t="s">
        <v>74</v>
      </c>
      <c r="N320" s="3" t="s">
        <v>153</v>
      </c>
      <c r="O320" s="3" t="s">
        <v>105</v>
      </c>
      <c r="P320" s="3" t="s">
        <v>37</v>
      </c>
      <c r="Q320" s="3" t="s">
        <v>37</v>
      </c>
      <c r="R320" s="3" t="s">
        <v>39</v>
      </c>
      <c r="S320" s="3" t="s">
        <v>1548</v>
      </c>
      <c r="T320" s="3" t="s">
        <v>37</v>
      </c>
      <c r="U320" s="3" t="s">
        <v>37</v>
      </c>
      <c r="V320" s="3" t="s">
        <v>37</v>
      </c>
    </row>
    <row r="321" spans="1:22" ht="14.45" customHeight="1" x14ac:dyDescent="0.25">
      <c r="A321" s="3" t="s">
        <v>904</v>
      </c>
      <c r="B321" s="4" t="s">
        <v>829</v>
      </c>
      <c r="C321" s="3" t="s">
        <v>830</v>
      </c>
      <c r="D321" s="5" t="s">
        <v>1219</v>
      </c>
      <c r="E321" s="3" t="s">
        <v>495</v>
      </c>
      <c r="F321" s="3" t="s">
        <v>1549</v>
      </c>
      <c r="G321" s="3" t="s">
        <v>43</v>
      </c>
      <c r="H321" s="3" t="s">
        <v>29</v>
      </c>
      <c r="I321" s="3" t="s">
        <v>1074</v>
      </c>
      <c r="J321" s="3" t="s">
        <v>1550</v>
      </c>
      <c r="K321" s="3" t="s">
        <v>32</v>
      </c>
      <c r="L321" s="3" t="s">
        <v>1068</v>
      </c>
      <c r="M321" s="3" t="s">
        <v>34</v>
      </c>
      <c r="N321" s="3" t="s">
        <v>52</v>
      </c>
      <c r="O321" s="3" t="s">
        <v>105</v>
      </c>
      <c r="P321" s="3" t="s">
        <v>37</v>
      </c>
      <c r="Q321" s="3" t="s">
        <v>37</v>
      </c>
      <c r="R321" s="3" t="s">
        <v>39</v>
      </c>
      <c r="S321" s="3" t="s">
        <v>1551</v>
      </c>
      <c r="T321" s="3" t="s">
        <v>37</v>
      </c>
      <c r="U321" s="3" t="s">
        <v>37</v>
      </c>
      <c r="V321" s="3" t="s">
        <v>37</v>
      </c>
    </row>
    <row r="322" spans="1:22" ht="14.45" customHeight="1" x14ac:dyDescent="0.25">
      <c r="A322" s="3" t="s">
        <v>904</v>
      </c>
      <c r="B322" s="4" t="s">
        <v>829</v>
      </c>
      <c r="C322" s="3" t="s">
        <v>830</v>
      </c>
      <c r="D322" s="5" t="s">
        <v>975</v>
      </c>
      <c r="E322" s="3" t="s">
        <v>495</v>
      </c>
      <c r="F322" s="3" t="s">
        <v>1322</v>
      </c>
      <c r="G322" s="3" t="s">
        <v>1552</v>
      </c>
      <c r="H322" s="3" t="s">
        <v>207</v>
      </c>
      <c r="I322" s="3" t="s">
        <v>37</v>
      </c>
      <c r="J322" s="8" t="s">
        <v>1021</v>
      </c>
      <c r="K322" s="3" t="s">
        <v>32</v>
      </c>
      <c r="L322" s="3" t="s">
        <v>33</v>
      </c>
      <c r="M322" s="3" t="s">
        <v>34</v>
      </c>
      <c r="N322" s="3" t="s">
        <v>234</v>
      </c>
      <c r="O322" s="3" t="s">
        <v>37</v>
      </c>
      <c r="P322" s="3" t="s">
        <v>37</v>
      </c>
      <c r="Q322" s="3" t="s">
        <v>37</v>
      </c>
      <c r="R322" s="3" t="s">
        <v>39</v>
      </c>
      <c r="S322" s="3" t="s">
        <v>1553</v>
      </c>
      <c r="T322" s="3" t="s">
        <v>37</v>
      </c>
      <c r="U322" s="3" t="s">
        <v>37</v>
      </c>
      <c r="V322" s="3" t="s">
        <v>37</v>
      </c>
    </row>
    <row r="323" spans="1:22" ht="14.45" customHeight="1" x14ac:dyDescent="0.25">
      <c r="A323" s="3" t="s">
        <v>904</v>
      </c>
      <c r="B323" s="4" t="s">
        <v>829</v>
      </c>
      <c r="C323" s="3" t="s">
        <v>830</v>
      </c>
      <c r="D323" s="5" t="s">
        <v>979</v>
      </c>
      <c r="E323" s="3" t="s">
        <v>495</v>
      </c>
      <c r="F323" s="3" t="s">
        <v>1554</v>
      </c>
      <c r="G323" s="3" t="s">
        <v>935</v>
      </c>
      <c r="H323" s="3" t="s">
        <v>29</v>
      </c>
      <c r="I323" s="3" t="s">
        <v>1074</v>
      </c>
      <c r="J323" s="3" t="s">
        <v>1555</v>
      </c>
      <c r="K323" s="3" t="s">
        <v>32</v>
      </c>
      <c r="L323" s="3" t="s">
        <v>1068</v>
      </c>
      <c r="M323" s="3" t="s">
        <v>34</v>
      </c>
      <c r="N323" s="3" t="s">
        <v>52</v>
      </c>
      <c r="O323" s="3" t="s">
        <v>105</v>
      </c>
      <c r="P323" s="3" t="s">
        <v>37</v>
      </c>
      <c r="Q323" s="3" t="s">
        <v>37</v>
      </c>
      <c r="R323" s="3" t="s">
        <v>39</v>
      </c>
      <c r="S323" s="3" t="s">
        <v>1556</v>
      </c>
      <c r="T323" s="3" t="s">
        <v>37</v>
      </c>
      <c r="U323" s="3" t="s">
        <v>37</v>
      </c>
      <c r="V323" s="3" t="s">
        <v>37</v>
      </c>
    </row>
    <row r="324" spans="1:22" ht="14.45" customHeight="1" x14ac:dyDescent="0.25">
      <c r="A324" s="3" t="s">
        <v>904</v>
      </c>
      <c r="B324" s="4" t="s">
        <v>829</v>
      </c>
      <c r="C324" s="3" t="s">
        <v>830</v>
      </c>
      <c r="D324" s="5" t="s">
        <v>120</v>
      </c>
      <c r="E324" s="3" t="s">
        <v>1226</v>
      </c>
      <c r="F324" s="3" t="s">
        <v>1557</v>
      </c>
      <c r="G324" s="3" t="s">
        <v>1326</v>
      </c>
      <c r="H324" s="3" t="s">
        <v>29</v>
      </c>
      <c r="I324" s="3" t="s">
        <v>1228</v>
      </c>
      <c r="J324" s="3" t="s">
        <v>1558</v>
      </c>
      <c r="K324" s="3" t="s">
        <v>32</v>
      </c>
      <c r="L324" s="3" t="s">
        <v>33</v>
      </c>
      <c r="M324" s="3" t="s">
        <v>74</v>
      </c>
      <c r="N324" s="3" t="s">
        <v>75</v>
      </c>
      <c r="O324" s="3" t="s">
        <v>36</v>
      </c>
      <c r="P324" s="3" t="s">
        <v>37</v>
      </c>
      <c r="Q324" s="3" t="s">
        <v>37</v>
      </c>
      <c r="R324" s="3" t="s">
        <v>39</v>
      </c>
      <c r="S324" s="3" t="s">
        <v>1559</v>
      </c>
      <c r="T324" s="3" t="s">
        <v>37</v>
      </c>
      <c r="U324" s="3" t="s">
        <v>37</v>
      </c>
      <c r="V324" s="3" t="s">
        <v>37</v>
      </c>
    </row>
    <row r="325" spans="1:22" ht="14.45" customHeight="1" x14ac:dyDescent="0.25">
      <c r="A325" s="3" t="s">
        <v>904</v>
      </c>
      <c r="B325" s="4" t="s">
        <v>829</v>
      </c>
      <c r="C325" s="3" t="s">
        <v>830</v>
      </c>
      <c r="D325" s="5" t="s">
        <v>466</v>
      </c>
      <c r="E325" s="3" t="s">
        <v>1226</v>
      </c>
      <c r="F325" s="3" t="s">
        <v>1560</v>
      </c>
      <c r="G325" s="3" t="s">
        <v>514</v>
      </c>
      <c r="H325" s="3" t="s">
        <v>133</v>
      </c>
      <c r="I325" s="3" t="s">
        <v>1482</v>
      </c>
      <c r="J325" s="8" t="s">
        <v>1483</v>
      </c>
      <c r="K325" s="3" t="s">
        <v>32</v>
      </c>
      <c r="L325" s="3" t="s">
        <v>33</v>
      </c>
      <c r="M325" s="3" t="s">
        <v>74</v>
      </c>
      <c r="N325" s="3" t="s">
        <v>234</v>
      </c>
      <c r="O325" s="3" t="s">
        <v>37</v>
      </c>
      <c r="P325" s="3" t="s">
        <v>37</v>
      </c>
      <c r="Q325" s="3" t="s">
        <v>37</v>
      </c>
      <c r="R325" s="3" t="s">
        <v>39</v>
      </c>
      <c r="S325" s="3" t="s">
        <v>1561</v>
      </c>
      <c r="T325" s="3"/>
      <c r="U325" s="3" t="s">
        <v>37</v>
      </c>
      <c r="V325" s="3" t="s">
        <v>37</v>
      </c>
    </row>
    <row r="326" spans="1:22" ht="14.45" customHeight="1" x14ac:dyDescent="0.25">
      <c r="A326" s="3" t="s">
        <v>904</v>
      </c>
      <c r="B326" s="4" t="s">
        <v>829</v>
      </c>
      <c r="C326" s="3" t="s">
        <v>830</v>
      </c>
      <c r="D326" s="5" t="s">
        <v>129</v>
      </c>
      <c r="E326" s="3" t="s">
        <v>927</v>
      </c>
      <c r="F326" s="3" t="s">
        <v>1191</v>
      </c>
      <c r="G326" s="3" t="s">
        <v>313</v>
      </c>
      <c r="H326" s="3" t="s">
        <v>29</v>
      </c>
      <c r="I326" s="3" t="s">
        <v>929</v>
      </c>
      <c r="J326" s="7" t="s">
        <v>930</v>
      </c>
      <c r="K326" s="3" t="s">
        <v>32</v>
      </c>
      <c r="L326" s="3" t="s">
        <v>33</v>
      </c>
      <c r="M326" s="3" t="s">
        <v>931</v>
      </c>
      <c r="N326" s="3" t="s">
        <v>234</v>
      </c>
      <c r="O326" s="3" t="s">
        <v>154</v>
      </c>
      <c r="P326" s="3" t="s">
        <v>37</v>
      </c>
      <c r="Q326" s="3" t="s">
        <v>37</v>
      </c>
      <c r="R326" s="3" t="s">
        <v>39</v>
      </c>
      <c r="S326" s="3" t="s">
        <v>1192</v>
      </c>
      <c r="T326" s="3" t="s">
        <v>37</v>
      </c>
      <c r="U326" s="3" t="s">
        <v>37</v>
      </c>
      <c r="V326" s="3" t="s">
        <v>37</v>
      </c>
    </row>
    <row r="327" spans="1:22" ht="14.45" customHeight="1" x14ac:dyDescent="0.25">
      <c r="A327" s="3" t="s">
        <v>904</v>
      </c>
      <c r="B327" s="4" t="s">
        <v>829</v>
      </c>
      <c r="C327" s="3" t="s">
        <v>830</v>
      </c>
      <c r="D327" s="5" t="s">
        <v>680</v>
      </c>
      <c r="E327" s="3" t="s">
        <v>927</v>
      </c>
      <c r="F327" s="3" t="s">
        <v>934</v>
      </c>
      <c r="G327" s="3" t="s">
        <v>935</v>
      </c>
      <c r="H327" s="3" t="s">
        <v>29</v>
      </c>
      <c r="I327" s="3" t="s">
        <v>936</v>
      </c>
      <c r="J327" s="7" t="s">
        <v>930</v>
      </c>
      <c r="K327" s="3" t="s">
        <v>32</v>
      </c>
      <c r="L327" s="3" t="s">
        <v>33</v>
      </c>
      <c r="M327" s="3" t="s">
        <v>931</v>
      </c>
      <c r="N327" s="3" t="s">
        <v>234</v>
      </c>
      <c r="O327" s="3" t="s">
        <v>937</v>
      </c>
      <c r="P327" s="3" t="s">
        <v>37</v>
      </c>
      <c r="Q327" s="3" t="s">
        <v>37</v>
      </c>
      <c r="R327" s="3" t="s">
        <v>39</v>
      </c>
      <c r="S327" s="3" t="s">
        <v>938</v>
      </c>
      <c r="T327" s="3" t="s">
        <v>37</v>
      </c>
      <c r="U327" s="3" t="s">
        <v>37</v>
      </c>
      <c r="V327" s="3" t="s">
        <v>37</v>
      </c>
    </row>
    <row r="328" spans="1:22" ht="14.45" customHeight="1" x14ac:dyDescent="0.25">
      <c r="A328" s="3" t="s">
        <v>904</v>
      </c>
      <c r="B328" s="4" t="s">
        <v>829</v>
      </c>
      <c r="C328" s="3" t="s">
        <v>830</v>
      </c>
      <c r="D328" s="5" t="s">
        <v>1239</v>
      </c>
      <c r="E328" s="3" t="s">
        <v>927</v>
      </c>
      <c r="F328" s="3" t="s">
        <v>940</v>
      </c>
      <c r="G328" s="3" t="s">
        <v>341</v>
      </c>
      <c r="H328" s="3" t="s">
        <v>29</v>
      </c>
      <c r="I328" s="3" t="s">
        <v>929</v>
      </c>
      <c r="J328" s="7" t="s">
        <v>930</v>
      </c>
      <c r="K328" s="3" t="s">
        <v>32</v>
      </c>
      <c r="L328" s="3" t="s">
        <v>33</v>
      </c>
      <c r="M328" s="3" t="s">
        <v>931</v>
      </c>
      <c r="N328" s="3" t="s">
        <v>234</v>
      </c>
      <c r="O328" s="3" t="s">
        <v>154</v>
      </c>
      <c r="P328" s="3" t="s">
        <v>37</v>
      </c>
      <c r="Q328" s="3" t="s">
        <v>37</v>
      </c>
      <c r="R328" s="3" t="s">
        <v>39</v>
      </c>
      <c r="S328" s="3" t="s">
        <v>941</v>
      </c>
      <c r="T328" s="3" t="s">
        <v>37</v>
      </c>
      <c r="U328" s="3" t="s">
        <v>37</v>
      </c>
      <c r="V328" s="3" t="s">
        <v>37</v>
      </c>
    </row>
    <row r="329" spans="1:22" ht="14.45" customHeight="1" x14ac:dyDescent="0.25">
      <c r="A329" s="3" t="s">
        <v>904</v>
      </c>
      <c r="B329" s="4" t="s">
        <v>829</v>
      </c>
      <c r="C329" s="3" t="s">
        <v>830</v>
      </c>
      <c r="D329" s="5" t="s">
        <v>992</v>
      </c>
      <c r="E329" s="3" t="s">
        <v>927</v>
      </c>
      <c r="F329" s="3" t="s">
        <v>1299</v>
      </c>
      <c r="G329" s="3" t="s">
        <v>262</v>
      </c>
      <c r="H329" s="3" t="s">
        <v>29</v>
      </c>
      <c r="I329" s="3" t="s">
        <v>936</v>
      </c>
      <c r="J329" s="7" t="s">
        <v>930</v>
      </c>
      <c r="K329" s="3" t="s">
        <v>32</v>
      </c>
      <c r="L329" s="3" t="s">
        <v>33</v>
      </c>
      <c r="M329" s="3" t="s">
        <v>931</v>
      </c>
      <c r="N329" s="3" t="s">
        <v>234</v>
      </c>
      <c r="O329" s="3" t="s">
        <v>154</v>
      </c>
      <c r="P329" s="3" t="s">
        <v>37</v>
      </c>
      <c r="Q329" s="3" t="s">
        <v>37</v>
      </c>
      <c r="R329" s="3" t="s">
        <v>39</v>
      </c>
      <c r="S329" s="3" t="s">
        <v>1300</v>
      </c>
      <c r="T329" s="3" t="s">
        <v>37</v>
      </c>
      <c r="U329" s="3" t="s">
        <v>37</v>
      </c>
      <c r="V329" s="3" t="s">
        <v>37</v>
      </c>
    </row>
    <row r="330" spans="1:22" ht="14.45" customHeight="1" x14ac:dyDescent="0.25">
      <c r="A330" s="3" t="s">
        <v>904</v>
      </c>
      <c r="B330" s="4" t="s">
        <v>829</v>
      </c>
      <c r="C330" s="3" t="s">
        <v>830</v>
      </c>
      <c r="D330" s="5" t="s">
        <v>1244</v>
      </c>
      <c r="E330" s="3" t="s">
        <v>927</v>
      </c>
      <c r="F330" s="3" t="s">
        <v>946</v>
      </c>
      <c r="G330" s="3" t="s">
        <v>29</v>
      </c>
      <c r="H330" s="3" t="s">
        <v>29</v>
      </c>
      <c r="I330" s="3" t="s">
        <v>929</v>
      </c>
      <c r="J330" s="3" t="s">
        <v>947</v>
      </c>
      <c r="K330" s="3" t="s">
        <v>32</v>
      </c>
      <c r="L330" s="3" t="s">
        <v>33</v>
      </c>
      <c r="M330" s="3" t="s">
        <v>931</v>
      </c>
      <c r="N330" s="3" t="s">
        <v>234</v>
      </c>
      <c r="O330" s="3" t="s">
        <v>154</v>
      </c>
      <c r="P330" s="3" t="s">
        <v>37</v>
      </c>
      <c r="Q330" s="3" t="s">
        <v>37</v>
      </c>
      <c r="R330" s="3" t="s">
        <v>39</v>
      </c>
      <c r="S330" s="3" t="s">
        <v>948</v>
      </c>
      <c r="T330" s="3" t="s">
        <v>37</v>
      </c>
      <c r="U330" s="3" t="s">
        <v>37</v>
      </c>
      <c r="V330" s="3" t="s">
        <v>37</v>
      </c>
    </row>
    <row r="331" spans="1:22" ht="14.45" customHeight="1" x14ac:dyDescent="0.25">
      <c r="A331" s="3" t="s">
        <v>904</v>
      </c>
      <c r="B331" s="4" t="s">
        <v>829</v>
      </c>
      <c r="C331" s="3" t="s">
        <v>830</v>
      </c>
      <c r="D331" s="5" t="s">
        <v>143</v>
      </c>
      <c r="E331" s="3" t="s">
        <v>927</v>
      </c>
      <c r="F331" s="3" t="s">
        <v>1523</v>
      </c>
      <c r="G331" s="3" t="s">
        <v>88</v>
      </c>
      <c r="H331" s="3" t="s">
        <v>29</v>
      </c>
      <c r="I331" s="3" t="s">
        <v>929</v>
      </c>
      <c r="J331" s="3" t="s">
        <v>1524</v>
      </c>
      <c r="K331" s="3" t="s">
        <v>32</v>
      </c>
      <c r="L331" s="3" t="s">
        <v>33</v>
      </c>
      <c r="M331" s="3" t="s">
        <v>931</v>
      </c>
      <c r="N331" s="3" t="s">
        <v>234</v>
      </c>
      <c r="O331" s="3" t="s">
        <v>154</v>
      </c>
      <c r="P331" s="3" t="s">
        <v>37</v>
      </c>
      <c r="Q331" s="3" t="s">
        <v>37</v>
      </c>
      <c r="R331" s="3" t="s">
        <v>39</v>
      </c>
      <c r="S331" s="3" t="s">
        <v>1525</v>
      </c>
      <c r="T331" s="3" t="s">
        <v>37</v>
      </c>
      <c r="U331" s="3" t="s">
        <v>37</v>
      </c>
      <c r="V331" s="3" t="s">
        <v>37</v>
      </c>
    </row>
    <row r="332" spans="1:22" ht="14.45" customHeight="1" x14ac:dyDescent="0.25">
      <c r="A332" s="3" t="s">
        <v>904</v>
      </c>
      <c r="B332" s="4" t="s">
        <v>829</v>
      </c>
      <c r="C332" s="3" t="s">
        <v>830</v>
      </c>
      <c r="D332" s="5" t="s">
        <v>148</v>
      </c>
      <c r="E332" s="3" t="s">
        <v>1028</v>
      </c>
      <c r="F332" s="3" t="s">
        <v>1562</v>
      </c>
      <c r="G332" s="3" t="s">
        <v>1563</v>
      </c>
      <c r="H332" s="3" t="s">
        <v>207</v>
      </c>
      <c r="I332" s="3" t="s">
        <v>1564</v>
      </c>
      <c r="J332" s="3" t="s">
        <v>1565</v>
      </c>
      <c r="K332" s="3" t="s">
        <v>32</v>
      </c>
      <c r="L332" s="3" t="s">
        <v>33</v>
      </c>
      <c r="M332" s="3" t="s">
        <v>74</v>
      </c>
      <c r="N332" s="3" t="s">
        <v>296</v>
      </c>
      <c r="O332" s="3" t="s">
        <v>36</v>
      </c>
      <c r="P332" s="3" t="s">
        <v>37</v>
      </c>
      <c r="Q332" s="3" t="s">
        <v>37</v>
      </c>
      <c r="R332" s="3" t="s">
        <v>39</v>
      </c>
      <c r="S332" s="3" t="s">
        <v>1566</v>
      </c>
      <c r="T332" s="3" t="s">
        <v>37</v>
      </c>
      <c r="U332" s="3" t="s">
        <v>37</v>
      </c>
      <c r="V332" s="3" t="s">
        <v>37</v>
      </c>
    </row>
    <row r="333" spans="1:22" ht="14.45" customHeight="1" x14ac:dyDescent="0.25">
      <c r="A333" s="3" t="s">
        <v>904</v>
      </c>
      <c r="B333" s="4" t="s">
        <v>829</v>
      </c>
      <c r="C333" s="3" t="s">
        <v>830</v>
      </c>
      <c r="D333" s="5" t="s">
        <v>160</v>
      </c>
      <c r="E333" s="3" t="s">
        <v>495</v>
      </c>
      <c r="F333" s="3" t="s">
        <v>1567</v>
      </c>
      <c r="G333" s="3" t="s">
        <v>191</v>
      </c>
      <c r="H333" s="3" t="s">
        <v>133</v>
      </c>
      <c r="I333" s="3" t="s">
        <v>497</v>
      </c>
      <c r="J333" s="3" t="s">
        <v>1568</v>
      </c>
      <c r="K333" s="3" t="s">
        <v>32</v>
      </c>
      <c r="L333" s="3" t="s">
        <v>37</v>
      </c>
      <c r="M333" s="3" t="s">
        <v>34</v>
      </c>
      <c r="N333" s="3" t="s">
        <v>153</v>
      </c>
      <c r="O333" s="3" t="s">
        <v>105</v>
      </c>
      <c r="P333" s="3" t="s">
        <v>37</v>
      </c>
      <c r="Q333" s="3" t="s">
        <v>37</v>
      </c>
      <c r="R333" s="3" t="s">
        <v>39</v>
      </c>
      <c r="S333" s="3" t="s">
        <v>1569</v>
      </c>
      <c r="T333" s="3" t="s">
        <v>37</v>
      </c>
      <c r="U333" s="3" t="s">
        <v>37</v>
      </c>
      <c r="V333" s="3" t="s">
        <v>37</v>
      </c>
    </row>
    <row r="334" spans="1:22" ht="14.45" customHeight="1" x14ac:dyDescent="0.25">
      <c r="A334" s="3" t="s">
        <v>904</v>
      </c>
      <c r="B334" s="4" t="s">
        <v>829</v>
      </c>
      <c r="C334" s="3" t="s">
        <v>830</v>
      </c>
      <c r="D334" s="5" t="s">
        <v>1003</v>
      </c>
      <c r="E334" s="3" t="s">
        <v>927</v>
      </c>
      <c r="F334" s="3" t="s">
        <v>1570</v>
      </c>
      <c r="G334" s="3" t="s">
        <v>1154</v>
      </c>
      <c r="H334" s="3" t="s">
        <v>29</v>
      </c>
      <c r="I334" s="3" t="s">
        <v>929</v>
      </c>
      <c r="J334" s="7" t="s">
        <v>930</v>
      </c>
      <c r="K334" s="3" t="s">
        <v>32</v>
      </c>
      <c r="L334" s="3" t="s">
        <v>33</v>
      </c>
      <c r="M334" s="3" t="s">
        <v>931</v>
      </c>
      <c r="N334" s="3" t="s">
        <v>234</v>
      </c>
      <c r="O334" s="3" t="s">
        <v>154</v>
      </c>
      <c r="P334" s="3" t="s">
        <v>37</v>
      </c>
      <c r="Q334" s="3" t="s">
        <v>37</v>
      </c>
      <c r="R334" s="3" t="s">
        <v>39</v>
      </c>
      <c r="S334" s="3" t="s">
        <v>1571</v>
      </c>
      <c r="T334" s="3" t="s">
        <v>282</v>
      </c>
      <c r="U334" s="3" t="s">
        <v>37</v>
      </c>
      <c r="V334" s="3" t="s">
        <v>37</v>
      </c>
    </row>
    <row r="335" spans="1:22" ht="14.45" customHeight="1" x14ac:dyDescent="0.25">
      <c r="A335" s="3" t="s">
        <v>904</v>
      </c>
      <c r="B335" s="4" t="s">
        <v>829</v>
      </c>
      <c r="C335" s="3" t="s">
        <v>830</v>
      </c>
      <c r="D335" s="5" t="s">
        <v>171</v>
      </c>
      <c r="E335" s="3" t="s">
        <v>927</v>
      </c>
      <c r="F335" s="3" t="s">
        <v>1366</v>
      </c>
      <c r="G335" s="3" t="s">
        <v>226</v>
      </c>
      <c r="H335" s="3" t="s">
        <v>29</v>
      </c>
      <c r="I335" s="3" t="s">
        <v>929</v>
      </c>
      <c r="J335" s="7" t="s">
        <v>930</v>
      </c>
      <c r="K335" s="3" t="s">
        <v>32</v>
      </c>
      <c r="L335" s="3" t="s">
        <v>33</v>
      </c>
      <c r="M335" s="3" t="s">
        <v>931</v>
      </c>
      <c r="N335" s="3" t="s">
        <v>234</v>
      </c>
      <c r="O335" s="3" t="s">
        <v>154</v>
      </c>
      <c r="P335" s="3" t="s">
        <v>37</v>
      </c>
      <c r="Q335" s="3" t="s">
        <v>37</v>
      </c>
      <c r="R335" s="3" t="s">
        <v>39</v>
      </c>
      <c r="S335" s="3" t="s">
        <v>1367</v>
      </c>
      <c r="T335" s="3" t="s">
        <v>37</v>
      </c>
      <c r="U335" s="3" t="s">
        <v>37</v>
      </c>
      <c r="V335" s="3" t="s">
        <v>37</v>
      </c>
    </row>
    <row r="336" spans="1:22" ht="14.45" customHeight="1" x14ac:dyDescent="0.25">
      <c r="A336" s="3" t="s">
        <v>904</v>
      </c>
      <c r="B336" s="4" t="s">
        <v>829</v>
      </c>
      <c r="C336" s="3" t="s">
        <v>830</v>
      </c>
      <c r="D336" s="5" t="s">
        <v>1010</v>
      </c>
      <c r="E336" s="3" t="s">
        <v>927</v>
      </c>
      <c r="F336" s="3" t="s">
        <v>1501</v>
      </c>
      <c r="G336" s="3" t="s">
        <v>302</v>
      </c>
      <c r="H336" s="3" t="s">
        <v>29</v>
      </c>
      <c r="I336" s="3" t="s">
        <v>929</v>
      </c>
      <c r="J336" s="7" t="s">
        <v>930</v>
      </c>
      <c r="K336" s="3" t="s">
        <v>32</v>
      </c>
      <c r="L336" s="3" t="s">
        <v>33</v>
      </c>
      <c r="M336" s="3" t="s">
        <v>931</v>
      </c>
      <c r="N336" s="3" t="s">
        <v>234</v>
      </c>
      <c r="O336" s="3" t="s">
        <v>154</v>
      </c>
      <c r="P336" s="3" t="s">
        <v>37</v>
      </c>
      <c r="Q336" s="3" t="s">
        <v>37</v>
      </c>
      <c r="R336" s="3" t="s">
        <v>39</v>
      </c>
      <c r="S336" s="3" t="s">
        <v>1502</v>
      </c>
      <c r="T336" s="3" t="s">
        <v>37</v>
      </c>
      <c r="U336" s="3" t="s">
        <v>37</v>
      </c>
      <c r="V336" s="3" t="s">
        <v>37</v>
      </c>
    </row>
    <row r="337" spans="1:22" ht="14.45" customHeight="1" x14ac:dyDescent="0.25">
      <c r="A337" s="3" t="s">
        <v>904</v>
      </c>
      <c r="B337" s="4" t="s">
        <v>829</v>
      </c>
      <c r="C337" s="3" t="s">
        <v>830</v>
      </c>
      <c r="D337" s="5" t="s">
        <v>1014</v>
      </c>
      <c r="E337" s="3" t="s">
        <v>495</v>
      </c>
      <c r="F337" s="3" t="s">
        <v>1041</v>
      </c>
      <c r="G337" s="3" t="s">
        <v>591</v>
      </c>
      <c r="H337" s="3" t="s">
        <v>133</v>
      </c>
      <c r="I337" s="3" t="s">
        <v>497</v>
      </c>
      <c r="J337" s="3" t="s">
        <v>1042</v>
      </c>
      <c r="K337" s="3" t="s">
        <v>32</v>
      </c>
      <c r="L337" s="3" t="s">
        <v>37</v>
      </c>
      <c r="M337" s="3" t="s">
        <v>34</v>
      </c>
      <c r="N337" s="3" t="s">
        <v>153</v>
      </c>
      <c r="O337" s="3" t="s">
        <v>105</v>
      </c>
      <c r="P337" s="3" t="s">
        <v>37</v>
      </c>
      <c r="Q337" s="3" t="s">
        <v>37</v>
      </c>
      <c r="R337" s="3" t="s">
        <v>39</v>
      </c>
      <c r="S337" s="3" t="s">
        <v>1043</v>
      </c>
      <c r="T337" s="3" t="s">
        <v>37</v>
      </c>
      <c r="U337" s="3" t="s">
        <v>37</v>
      </c>
      <c r="V337" s="3" t="s">
        <v>37</v>
      </c>
    </row>
    <row r="338" spans="1:22" ht="14.45" customHeight="1" x14ac:dyDescent="0.25">
      <c r="A338" s="3" t="s">
        <v>904</v>
      </c>
      <c r="B338" s="4" t="s">
        <v>829</v>
      </c>
      <c r="C338" s="3" t="s">
        <v>830</v>
      </c>
      <c r="D338" s="5" t="s">
        <v>1015</v>
      </c>
      <c r="E338" s="3" t="s">
        <v>1226</v>
      </c>
      <c r="F338" s="3" t="s">
        <v>1572</v>
      </c>
      <c r="G338" s="3" t="s">
        <v>173</v>
      </c>
      <c r="H338" s="3" t="s">
        <v>133</v>
      </c>
      <c r="I338" s="3" t="s">
        <v>1269</v>
      </c>
      <c r="J338" s="3" t="s">
        <v>1270</v>
      </c>
      <c r="K338" s="3" t="s">
        <v>32</v>
      </c>
      <c r="L338" s="3" t="s">
        <v>33</v>
      </c>
      <c r="M338" s="3" t="s">
        <v>74</v>
      </c>
      <c r="N338" s="3" t="s">
        <v>234</v>
      </c>
      <c r="O338" s="3" t="s">
        <v>37</v>
      </c>
      <c r="P338" s="3" t="s">
        <v>37</v>
      </c>
      <c r="Q338" s="3" t="s">
        <v>37</v>
      </c>
      <c r="R338" s="3" t="s">
        <v>39</v>
      </c>
      <c r="S338" s="3" t="s">
        <v>1573</v>
      </c>
      <c r="T338" s="3" t="s">
        <v>282</v>
      </c>
      <c r="U338" s="3" t="s">
        <v>37</v>
      </c>
      <c r="V338" s="3" t="s">
        <v>37</v>
      </c>
    </row>
    <row r="339" spans="1:22" ht="14.45" customHeight="1" x14ac:dyDescent="0.25">
      <c r="A339" s="3" t="s">
        <v>904</v>
      </c>
      <c r="B339" s="4" t="s">
        <v>829</v>
      </c>
      <c r="C339" s="3" t="s">
        <v>830</v>
      </c>
      <c r="D339" s="5" t="s">
        <v>1272</v>
      </c>
      <c r="E339" s="3" t="s">
        <v>1226</v>
      </c>
      <c r="F339" s="3" t="s">
        <v>1506</v>
      </c>
      <c r="G339" s="3" t="s">
        <v>167</v>
      </c>
      <c r="H339" s="3" t="s">
        <v>133</v>
      </c>
      <c r="I339" s="3" t="s">
        <v>1435</v>
      </c>
      <c r="J339" s="3" t="s">
        <v>1270</v>
      </c>
      <c r="K339" s="3" t="s">
        <v>32</v>
      </c>
      <c r="L339" s="3" t="s">
        <v>33</v>
      </c>
      <c r="M339" s="3" t="s">
        <v>74</v>
      </c>
      <c r="N339" s="3" t="s">
        <v>234</v>
      </c>
      <c r="O339" s="3" t="s">
        <v>37</v>
      </c>
      <c r="P339" s="3" t="s">
        <v>37</v>
      </c>
      <c r="Q339" s="3" t="s">
        <v>37</v>
      </c>
      <c r="R339" s="3" t="s">
        <v>39</v>
      </c>
      <c r="S339" s="3" t="s">
        <v>1507</v>
      </c>
      <c r="T339" s="3" t="s">
        <v>37</v>
      </c>
      <c r="U339" s="3" t="s">
        <v>37</v>
      </c>
      <c r="V339" s="3" t="s">
        <v>37</v>
      </c>
    </row>
    <row r="340" spans="1:22" ht="14.45" customHeight="1" x14ac:dyDescent="0.25">
      <c r="A340" s="3" t="s">
        <v>904</v>
      </c>
      <c r="B340" s="4" t="s">
        <v>829</v>
      </c>
      <c r="C340" s="3" t="s">
        <v>830</v>
      </c>
      <c r="D340" s="5" t="s">
        <v>1019</v>
      </c>
      <c r="E340" s="3" t="s">
        <v>996</v>
      </c>
      <c r="F340" s="3" t="s">
        <v>1508</v>
      </c>
      <c r="G340" s="3" t="s">
        <v>132</v>
      </c>
      <c r="H340" s="3" t="s">
        <v>133</v>
      </c>
      <c r="I340" s="3" t="s">
        <v>37</v>
      </c>
      <c r="J340" s="8" t="s">
        <v>1509</v>
      </c>
      <c r="K340" s="3" t="s">
        <v>32</v>
      </c>
      <c r="L340" s="3" t="s">
        <v>33</v>
      </c>
      <c r="M340" s="3" t="s">
        <v>74</v>
      </c>
      <c r="N340" s="3" t="s">
        <v>75</v>
      </c>
      <c r="O340" s="3" t="s">
        <v>105</v>
      </c>
      <c r="P340" s="3" t="s">
        <v>37</v>
      </c>
      <c r="Q340" s="3" t="s">
        <v>37</v>
      </c>
      <c r="R340" s="3" t="s">
        <v>39</v>
      </c>
      <c r="S340" s="3" t="s">
        <v>1574</v>
      </c>
      <c r="T340" s="3"/>
      <c r="U340" s="3" t="s">
        <v>37</v>
      </c>
      <c r="V340" s="3" t="s">
        <v>37</v>
      </c>
    </row>
    <row r="341" spans="1:22" ht="14.45" customHeight="1" x14ac:dyDescent="0.25">
      <c r="A341" s="3" t="s">
        <v>904</v>
      </c>
      <c r="B341" s="4" t="s">
        <v>829</v>
      </c>
      <c r="C341" s="3" t="s">
        <v>830</v>
      </c>
      <c r="D341" s="5" t="s">
        <v>1283</v>
      </c>
      <c r="E341" s="3" t="s">
        <v>495</v>
      </c>
      <c r="F341" s="3" t="s">
        <v>1284</v>
      </c>
      <c r="G341" s="3" t="s">
        <v>651</v>
      </c>
      <c r="H341" s="3" t="s">
        <v>207</v>
      </c>
      <c r="I341" s="3" t="s">
        <v>37</v>
      </c>
      <c r="J341" s="8" t="s">
        <v>1021</v>
      </c>
      <c r="K341" s="3" t="s">
        <v>32</v>
      </c>
      <c r="L341" s="3" t="s">
        <v>33</v>
      </c>
      <c r="M341" s="3" t="s">
        <v>34</v>
      </c>
      <c r="N341" s="3" t="s">
        <v>234</v>
      </c>
      <c r="O341" s="3" t="s">
        <v>37</v>
      </c>
      <c r="P341" s="3" t="s">
        <v>37</v>
      </c>
      <c r="Q341" s="3" t="s">
        <v>37</v>
      </c>
      <c r="R341" s="3" t="s">
        <v>39</v>
      </c>
      <c r="S341" s="3" t="s">
        <v>1575</v>
      </c>
      <c r="T341" s="3" t="s">
        <v>37</v>
      </c>
      <c r="U341" s="3" t="s">
        <v>37</v>
      </c>
      <c r="V341" s="3" t="s">
        <v>37</v>
      </c>
    </row>
    <row r="342" spans="1:22" ht="14.45" customHeight="1" x14ac:dyDescent="0.25">
      <c r="A342" s="3" t="s">
        <v>904</v>
      </c>
      <c r="B342" s="4" t="s">
        <v>829</v>
      </c>
      <c r="C342" s="3" t="s">
        <v>830</v>
      </c>
      <c r="D342" s="5" t="s">
        <v>1286</v>
      </c>
      <c r="E342" s="3" t="s">
        <v>495</v>
      </c>
      <c r="F342" s="3" t="s">
        <v>1284</v>
      </c>
      <c r="G342" s="3" t="s">
        <v>1511</v>
      </c>
      <c r="H342" s="3" t="s">
        <v>207</v>
      </c>
      <c r="I342" s="3" t="s">
        <v>37</v>
      </c>
      <c r="J342" s="8" t="s">
        <v>1021</v>
      </c>
      <c r="K342" s="3" t="s">
        <v>32</v>
      </c>
      <c r="L342" s="3" t="s">
        <v>33</v>
      </c>
      <c r="M342" s="3" t="s">
        <v>34</v>
      </c>
      <c r="N342" s="3" t="s">
        <v>234</v>
      </c>
      <c r="O342" s="3" t="s">
        <v>37</v>
      </c>
      <c r="P342" s="3" t="s">
        <v>37</v>
      </c>
      <c r="Q342" s="3" t="s">
        <v>37</v>
      </c>
      <c r="R342" s="3" t="s">
        <v>39</v>
      </c>
      <c r="S342" s="3" t="s">
        <v>1512</v>
      </c>
      <c r="T342" s="3" t="s">
        <v>37</v>
      </c>
      <c r="U342" s="3" t="s">
        <v>37</v>
      </c>
      <c r="V342" s="3" t="s">
        <v>37</v>
      </c>
    </row>
    <row r="343" spans="1:22" ht="14.45" customHeight="1" x14ac:dyDescent="0.25">
      <c r="A343" s="3" t="s">
        <v>904</v>
      </c>
      <c r="B343" s="4" t="s">
        <v>829</v>
      </c>
      <c r="C343" s="3" t="s">
        <v>830</v>
      </c>
      <c r="D343" s="5" t="s">
        <v>1023</v>
      </c>
      <c r="E343" s="3" t="s">
        <v>1024</v>
      </c>
      <c r="F343" s="3" t="s">
        <v>1576</v>
      </c>
      <c r="G343" s="3" t="s">
        <v>591</v>
      </c>
      <c r="H343" s="3" t="s">
        <v>133</v>
      </c>
      <c r="I343" s="3" t="s">
        <v>37</v>
      </c>
      <c r="J343" s="3" t="s">
        <v>1577</v>
      </c>
      <c r="K343" s="3" t="s">
        <v>32</v>
      </c>
      <c r="L343" s="3" t="s">
        <v>33</v>
      </c>
      <c r="M343" s="3" t="s">
        <v>74</v>
      </c>
      <c r="N343" s="3" t="s">
        <v>153</v>
      </c>
      <c r="O343" s="3" t="s">
        <v>53</v>
      </c>
      <c r="P343" s="3" t="s">
        <v>54</v>
      </c>
      <c r="Q343" s="3" t="s">
        <v>37</v>
      </c>
      <c r="R343" s="3" t="s">
        <v>39</v>
      </c>
      <c r="S343" s="3" t="s">
        <v>1578</v>
      </c>
      <c r="T343" s="3" t="s">
        <v>37</v>
      </c>
      <c r="U343" s="3" t="s">
        <v>37</v>
      </c>
      <c r="V343" s="3" t="s">
        <v>37</v>
      </c>
    </row>
    <row r="344" spans="1:22" ht="14.45" customHeight="1" x14ac:dyDescent="0.25">
      <c r="A344" s="3" t="s">
        <v>904</v>
      </c>
      <c r="B344" s="4" t="s">
        <v>829</v>
      </c>
      <c r="C344" s="3" t="s">
        <v>830</v>
      </c>
      <c r="D344" s="5" t="s">
        <v>201</v>
      </c>
      <c r="E344" s="3" t="s">
        <v>1028</v>
      </c>
      <c r="F344" s="3" t="s">
        <v>1579</v>
      </c>
      <c r="G344" s="3" t="s">
        <v>556</v>
      </c>
      <c r="H344" s="3" t="s">
        <v>88</v>
      </c>
      <c r="I344" s="3" t="s">
        <v>1580</v>
      </c>
      <c r="J344" s="3" t="s">
        <v>1581</v>
      </c>
      <c r="K344" s="3" t="s">
        <v>32</v>
      </c>
      <c r="L344" s="3" t="s">
        <v>33</v>
      </c>
      <c r="M344" s="3" t="s">
        <v>74</v>
      </c>
      <c r="N344" s="3" t="s">
        <v>52</v>
      </c>
      <c r="O344" s="3" t="s">
        <v>53</v>
      </c>
      <c r="P344" s="3" t="s">
        <v>37</v>
      </c>
      <c r="Q344" s="3" t="s">
        <v>37</v>
      </c>
      <c r="R344" s="3" t="s">
        <v>39</v>
      </c>
      <c r="S344" s="3" t="s">
        <v>1582</v>
      </c>
      <c r="T344" s="3" t="s">
        <v>37</v>
      </c>
      <c r="U344" s="3" t="s">
        <v>37</v>
      </c>
      <c r="V344" s="3" t="s">
        <v>37</v>
      </c>
    </row>
    <row r="345" spans="1:22" ht="14.45" customHeight="1" x14ac:dyDescent="0.25">
      <c r="A345" s="3" t="s">
        <v>904</v>
      </c>
      <c r="B345" s="4" t="s">
        <v>829</v>
      </c>
      <c r="C345" s="3" t="s">
        <v>830</v>
      </c>
      <c r="D345" s="5" t="s">
        <v>353</v>
      </c>
      <c r="E345" s="3" t="s">
        <v>1102</v>
      </c>
      <c r="F345" s="3" t="s">
        <v>1583</v>
      </c>
      <c r="G345" s="3" t="s">
        <v>456</v>
      </c>
      <c r="H345" s="3" t="s">
        <v>88</v>
      </c>
      <c r="I345" s="3" t="s">
        <v>1584</v>
      </c>
      <c r="J345" s="3" t="s">
        <v>1585</v>
      </c>
      <c r="K345" s="3" t="s">
        <v>32</v>
      </c>
      <c r="L345" s="3" t="s">
        <v>33</v>
      </c>
      <c r="M345" s="3" t="s">
        <v>74</v>
      </c>
      <c r="N345" s="3" t="s">
        <v>370</v>
      </c>
      <c r="O345" s="3" t="s">
        <v>105</v>
      </c>
      <c r="P345" s="3" t="s">
        <v>37</v>
      </c>
      <c r="Q345" s="3" t="s">
        <v>37</v>
      </c>
      <c r="R345" s="3" t="s">
        <v>39</v>
      </c>
      <c r="S345" s="3" t="s">
        <v>1586</v>
      </c>
      <c r="T345" s="3" t="s">
        <v>37</v>
      </c>
      <c r="U345" s="3" t="s">
        <v>37</v>
      </c>
      <c r="V345" s="3" t="s">
        <v>37</v>
      </c>
    </row>
    <row r="346" spans="1:22" ht="14.45" customHeight="1" x14ac:dyDescent="0.25">
      <c r="A346" s="3" t="s">
        <v>904</v>
      </c>
      <c r="B346" s="4" t="s">
        <v>829</v>
      </c>
      <c r="C346" s="3" t="s">
        <v>830</v>
      </c>
      <c r="D346" s="5" t="s">
        <v>494</v>
      </c>
      <c r="E346" s="3" t="s">
        <v>927</v>
      </c>
      <c r="F346" s="3" t="s">
        <v>1189</v>
      </c>
      <c r="G346" s="3" t="s">
        <v>807</v>
      </c>
      <c r="H346" s="3" t="s">
        <v>29</v>
      </c>
      <c r="I346" s="3" t="s">
        <v>929</v>
      </c>
      <c r="J346" s="7" t="s">
        <v>930</v>
      </c>
      <c r="K346" s="3" t="s">
        <v>32</v>
      </c>
      <c r="L346" s="3" t="s">
        <v>33</v>
      </c>
      <c r="M346" s="3" t="s">
        <v>931</v>
      </c>
      <c r="N346" s="3" t="s">
        <v>234</v>
      </c>
      <c r="O346" s="3" t="s">
        <v>154</v>
      </c>
      <c r="P346" s="3" t="s">
        <v>37</v>
      </c>
      <c r="Q346" s="3" t="s">
        <v>37</v>
      </c>
      <c r="R346" s="3" t="s">
        <v>39</v>
      </c>
      <c r="S346" s="3" t="s">
        <v>1190</v>
      </c>
      <c r="T346" s="3" t="s">
        <v>37</v>
      </c>
      <c r="U346" s="3" t="s">
        <v>37</v>
      </c>
      <c r="V346" s="3" t="s">
        <v>37</v>
      </c>
    </row>
    <row r="347" spans="1:22" ht="14.45" customHeight="1" x14ac:dyDescent="0.25">
      <c r="A347" s="3" t="s">
        <v>904</v>
      </c>
      <c r="B347" s="4" t="s">
        <v>829</v>
      </c>
      <c r="C347" s="3" t="s">
        <v>830</v>
      </c>
      <c r="D347" s="5" t="s">
        <v>1301</v>
      </c>
      <c r="E347" s="3" t="s">
        <v>927</v>
      </c>
      <c r="F347" s="3" t="s">
        <v>1248</v>
      </c>
      <c r="G347" s="3" t="s">
        <v>254</v>
      </c>
      <c r="H347" s="3" t="s">
        <v>29</v>
      </c>
      <c r="I347" s="3" t="s">
        <v>936</v>
      </c>
      <c r="J347" s="7" t="s">
        <v>930</v>
      </c>
      <c r="K347" s="3" t="s">
        <v>32</v>
      </c>
      <c r="L347" s="3" t="s">
        <v>33</v>
      </c>
      <c r="M347" s="3" t="s">
        <v>931</v>
      </c>
      <c r="N347" s="3" t="s">
        <v>234</v>
      </c>
      <c r="O347" s="3" t="s">
        <v>154</v>
      </c>
      <c r="P347" s="3" t="s">
        <v>37</v>
      </c>
      <c r="Q347" s="3" t="s">
        <v>37</v>
      </c>
      <c r="R347" s="3" t="s">
        <v>39</v>
      </c>
      <c r="S347" s="3" t="s">
        <v>1249</v>
      </c>
      <c r="T347" s="3" t="s">
        <v>37</v>
      </c>
      <c r="U347" s="3" t="s">
        <v>37</v>
      </c>
      <c r="V347" s="3" t="s">
        <v>37</v>
      </c>
    </row>
    <row r="348" spans="1:22" ht="14.45" customHeight="1" x14ac:dyDescent="0.25">
      <c r="A348" s="3" t="s">
        <v>904</v>
      </c>
      <c r="B348" s="4" t="s">
        <v>829</v>
      </c>
      <c r="C348" s="3" t="s">
        <v>830</v>
      </c>
      <c r="D348" s="5" t="s">
        <v>362</v>
      </c>
      <c r="E348" s="3" t="s">
        <v>927</v>
      </c>
      <c r="F348" s="3" t="s">
        <v>1357</v>
      </c>
      <c r="G348" s="3" t="s">
        <v>1326</v>
      </c>
      <c r="H348" s="3" t="s">
        <v>29</v>
      </c>
      <c r="I348" s="3" t="s">
        <v>929</v>
      </c>
      <c r="J348" s="3" t="s">
        <v>1358</v>
      </c>
      <c r="K348" s="3" t="s">
        <v>32</v>
      </c>
      <c r="L348" s="3" t="s">
        <v>33</v>
      </c>
      <c r="M348" s="3" t="s">
        <v>931</v>
      </c>
      <c r="N348" s="3" t="s">
        <v>234</v>
      </c>
      <c r="O348" s="3" t="s">
        <v>154</v>
      </c>
      <c r="P348" s="3" t="s">
        <v>37</v>
      </c>
      <c r="Q348" s="3" t="s">
        <v>37</v>
      </c>
      <c r="R348" s="3" t="s">
        <v>39</v>
      </c>
      <c r="S348" s="3" t="s">
        <v>1359</v>
      </c>
      <c r="T348" s="3" t="s">
        <v>37</v>
      </c>
      <c r="U348" s="3" t="s">
        <v>37</v>
      </c>
      <c r="V348" s="3" t="s">
        <v>37</v>
      </c>
    </row>
    <row r="349" spans="1:22" ht="14.45" customHeight="1" x14ac:dyDescent="0.25">
      <c r="A349" s="3" t="s">
        <v>904</v>
      </c>
      <c r="B349" s="4" t="s">
        <v>829</v>
      </c>
      <c r="C349" s="3" t="s">
        <v>830</v>
      </c>
      <c r="D349" s="5" t="s">
        <v>1040</v>
      </c>
      <c r="E349" s="3" t="s">
        <v>495</v>
      </c>
      <c r="F349" s="3" t="s">
        <v>1041</v>
      </c>
      <c r="G349" s="3" t="s">
        <v>591</v>
      </c>
      <c r="H349" s="3" t="s">
        <v>133</v>
      </c>
      <c r="I349" s="3" t="s">
        <v>497</v>
      </c>
      <c r="J349" s="3" t="s">
        <v>1042</v>
      </c>
      <c r="K349" s="3" t="s">
        <v>32</v>
      </c>
      <c r="L349" s="3" t="s">
        <v>37</v>
      </c>
      <c r="M349" s="3" t="s">
        <v>34</v>
      </c>
      <c r="N349" s="3" t="s">
        <v>153</v>
      </c>
      <c r="O349" s="3" t="s">
        <v>105</v>
      </c>
      <c r="P349" s="3" t="s">
        <v>37</v>
      </c>
      <c r="Q349" s="3" t="s">
        <v>37</v>
      </c>
      <c r="R349" s="3" t="s">
        <v>39</v>
      </c>
      <c r="S349" s="3" t="s">
        <v>1043</v>
      </c>
      <c r="T349" s="3" t="s">
        <v>37</v>
      </c>
      <c r="U349" s="3" t="s">
        <v>37</v>
      </c>
      <c r="V349" s="3" t="s">
        <v>37</v>
      </c>
    </row>
    <row r="350" spans="1:22" ht="14.45" customHeight="1" x14ac:dyDescent="0.25">
      <c r="A350" s="3" t="s">
        <v>904</v>
      </c>
      <c r="B350" s="4" t="s">
        <v>829</v>
      </c>
      <c r="C350" s="3" t="s">
        <v>830</v>
      </c>
      <c r="D350" s="5" t="s">
        <v>220</v>
      </c>
      <c r="E350" s="3" t="s">
        <v>1226</v>
      </c>
      <c r="F350" s="3" t="s">
        <v>1572</v>
      </c>
      <c r="G350" s="3" t="s">
        <v>173</v>
      </c>
      <c r="H350" s="3" t="s">
        <v>133</v>
      </c>
      <c r="I350" s="3" t="s">
        <v>1269</v>
      </c>
      <c r="J350" s="3" t="s">
        <v>1270</v>
      </c>
      <c r="K350" s="3" t="s">
        <v>32</v>
      </c>
      <c r="L350" s="3" t="s">
        <v>33</v>
      </c>
      <c r="M350" s="3" t="s">
        <v>74</v>
      </c>
      <c r="N350" s="3" t="s">
        <v>234</v>
      </c>
      <c r="O350" s="3" t="s">
        <v>37</v>
      </c>
      <c r="P350" s="3" t="s">
        <v>37</v>
      </c>
      <c r="Q350" s="3" t="s">
        <v>37</v>
      </c>
      <c r="R350" s="3" t="s">
        <v>39</v>
      </c>
      <c r="S350" s="3" t="s">
        <v>1573</v>
      </c>
      <c r="T350" s="3" t="s">
        <v>37</v>
      </c>
      <c r="U350" s="3" t="s">
        <v>37</v>
      </c>
      <c r="V350" s="3" t="s">
        <v>37</v>
      </c>
    </row>
    <row r="351" spans="1:22" ht="14.45" customHeight="1" x14ac:dyDescent="0.25">
      <c r="A351" s="3" t="s">
        <v>904</v>
      </c>
      <c r="B351" s="4" t="s">
        <v>829</v>
      </c>
      <c r="C351" s="3" t="s">
        <v>830</v>
      </c>
      <c r="D351" s="5" t="s">
        <v>1304</v>
      </c>
      <c r="E351" s="3" t="s">
        <v>1226</v>
      </c>
      <c r="F351" s="3" t="s">
        <v>1506</v>
      </c>
      <c r="G351" s="3" t="s">
        <v>167</v>
      </c>
      <c r="H351" s="3" t="s">
        <v>133</v>
      </c>
      <c r="I351" s="3" t="s">
        <v>1435</v>
      </c>
      <c r="J351" s="3" t="s">
        <v>1270</v>
      </c>
      <c r="K351" s="3" t="s">
        <v>32</v>
      </c>
      <c r="L351" s="3" t="s">
        <v>33</v>
      </c>
      <c r="M351" s="3" t="s">
        <v>74</v>
      </c>
      <c r="N351" s="3" t="s">
        <v>234</v>
      </c>
      <c r="O351" s="3" t="s">
        <v>37</v>
      </c>
      <c r="P351" s="3" t="s">
        <v>37</v>
      </c>
      <c r="Q351" s="3" t="s">
        <v>37</v>
      </c>
      <c r="R351" s="3" t="s">
        <v>39</v>
      </c>
      <c r="S351" s="3" t="s">
        <v>1507</v>
      </c>
      <c r="T351" s="3" t="s">
        <v>37</v>
      </c>
      <c r="U351" s="3" t="s">
        <v>37</v>
      </c>
      <c r="V351" s="3" t="s">
        <v>37</v>
      </c>
    </row>
    <row r="352" spans="1:22" ht="14.45" customHeight="1" x14ac:dyDescent="0.25">
      <c r="A352" s="3" t="s">
        <v>904</v>
      </c>
      <c r="B352" s="4" t="s">
        <v>829</v>
      </c>
      <c r="C352" s="3" t="s">
        <v>830</v>
      </c>
      <c r="D352" s="5" t="s">
        <v>380</v>
      </c>
      <c r="E352" s="3" t="s">
        <v>996</v>
      </c>
      <c r="F352" s="3" t="s">
        <v>1508</v>
      </c>
      <c r="G352" s="3" t="s">
        <v>132</v>
      </c>
      <c r="H352" s="3" t="s">
        <v>133</v>
      </c>
      <c r="I352" s="3" t="s">
        <v>37</v>
      </c>
      <c r="J352" s="8" t="s">
        <v>1509</v>
      </c>
      <c r="K352" s="3" t="s">
        <v>32</v>
      </c>
      <c r="L352" s="3" t="s">
        <v>33</v>
      </c>
      <c r="M352" s="3" t="s">
        <v>74</v>
      </c>
      <c r="N352" s="3" t="s">
        <v>75</v>
      </c>
      <c r="O352" s="3" t="s">
        <v>105</v>
      </c>
      <c r="P352" s="3" t="s">
        <v>37</v>
      </c>
      <c r="Q352" s="3" t="s">
        <v>37</v>
      </c>
      <c r="R352" s="3" t="s">
        <v>39</v>
      </c>
      <c r="S352" s="3" t="s">
        <v>1574</v>
      </c>
      <c r="T352" s="3" t="s">
        <v>37</v>
      </c>
      <c r="U352" s="3" t="s">
        <v>37</v>
      </c>
      <c r="V352" s="3" t="s">
        <v>37</v>
      </c>
    </row>
    <row r="353" spans="1:22" ht="14.45" customHeight="1" x14ac:dyDescent="0.25">
      <c r="A353" s="3" t="s">
        <v>904</v>
      </c>
      <c r="B353" s="4" t="s">
        <v>829</v>
      </c>
      <c r="C353" s="3" t="s">
        <v>830</v>
      </c>
      <c r="D353" s="5" t="s">
        <v>229</v>
      </c>
      <c r="E353" s="3" t="s">
        <v>495</v>
      </c>
      <c r="F353" s="3" t="s">
        <v>1284</v>
      </c>
      <c r="G353" s="3" t="s">
        <v>651</v>
      </c>
      <c r="H353" s="3" t="s">
        <v>207</v>
      </c>
      <c r="I353" s="3" t="s">
        <v>37</v>
      </c>
      <c r="J353" s="8" t="s">
        <v>1021</v>
      </c>
      <c r="K353" s="3" t="s">
        <v>32</v>
      </c>
      <c r="L353" s="3" t="s">
        <v>33</v>
      </c>
      <c r="M353" s="3" t="s">
        <v>34</v>
      </c>
      <c r="N353" s="3" t="s">
        <v>234</v>
      </c>
      <c r="O353" s="3" t="s">
        <v>37</v>
      </c>
      <c r="P353" s="3" t="s">
        <v>37</v>
      </c>
      <c r="Q353" s="3" t="s">
        <v>37</v>
      </c>
      <c r="R353" s="3" t="s">
        <v>39</v>
      </c>
      <c r="S353" s="3" t="s">
        <v>1575</v>
      </c>
      <c r="T353" s="3" t="s">
        <v>37</v>
      </c>
      <c r="U353" s="3" t="s">
        <v>37</v>
      </c>
      <c r="V353" s="3" t="s">
        <v>37</v>
      </c>
    </row>
    <row r="354" spans="1:22" ht="14.45" customHeight="1" x14ac:dyDescent="0.25">
      <c r="A354" s="3" t="s">
        <v>904</v>
      </c>
      <c r="B354" s="4" t="s">
        <v>829</v>
      </c>
      <c r="C354" s="3" t="s">
        <v>830</v>
      </c>
      <c r="D354" s="5" t="s">
        <v>1306</v>
      </c>
      <c r="E354" s="3" t="s">
        <v>495</v>
      </c>
      <c r="F354" s="3" t="s">
        <v>1284</v>
      </c>
      <c r="G354" s="3" t="s">
        <v>1511</v>
      </c>
      <c r="H354" s="3" t="s">
        <v>207</v>
      </c>
      <c r="I354" s="3" t="s">
        <v>37</v>
      </c>
      <c r="J354" s="8" t="s">
        <v>1021</v>
      </c>
      <c r="K354" s="3" t="s">
        <v>32</v>
      </c>
      <c r="L354" s="3" t="s">
        <v>33</v>
      </c>
      <c r="M354" s="3" t="s">
        <v>34</v>
      </c>
      <c r="N354" s="3" t="s">
        <v>234</v>
      </c>
      <c r="O354" s="3" t="s">
        <v>37</v>
      </c>
      <c r="P354" s="3" t="s">
        <v>37</v>
      </c>
      <c r="Q354" s="3" t="s">
        <v>37</v>
      </c>
      <c r="R354" s="3" t="s">
        <v>39</v>
      </c>
      <c r="S354" s="3" t="s">
        <v>1512</v>
      </c>
      <c r="T354" s="3" t="s">
        <v>37</v>
      </c>
      <c r="U354" s="3" t="s">
        <v>37</v>
      </c>
      <c r="V354" s="3" t="s">
        <v>37</v>
      </c>
    </row>
    <row r="355" spans="1:22" ht="14.45" customHeight="1" x14ac:dyDescent="0.25">
      <c r="A355" s="3" t="s">
        <v>904</v>
      </c>
      <c r="B355" s="4" t="s">
        <v>829</v>
      </c>
      <c r="C355" s="3" t="s">
        <v>830</v>
      </c>
      <c r="D355" s="5" t="s">
        <v>1053</v>
      </c>
      <c r="E355" s="3" t="s">
        <v>1024</v>
      </c>
      <c r="F355" s="3" t="s">
        <v>1576</v>
      </c>
      <c r="G355" s="3" t="s">
        <v>591</v>
      </c>
      <c r="H355" s="3" t="s">
        <v>133</v>
      </c>
      <c r="I355" s="3" t="s">
        <v>37</v>
      </c>
      <c r="J355" s="3" t="s">
        <v>1577</v>
      </c>
      <c r="K355" s="3" t="s">
        <v>32</v>
      </c>
      <c r="L355" s="3" t="s">
        <v>33</v>
      </c>
      <c r="M355" s="3" t="s">
        <v>74</v>
      </c>
      <c r="N355" s="3" t="s">
        <v>153</v>
      </c>
      <c r="O355" s="3" t="s">
        <v>53</v>
      </c>
      <c r="P355" s="3" t="s">
        <v>54</v>
      </c>
      <c r="Q355" s="3" t="s">
        <v>37</v>
      </c>
      <c r="R355" s="3" t="s">
        <v>39</v>
      </c>
      <c r="S355" s="3" t="s">
        <v>1578</v>
      </c>
      <c r="T355" s="3" t="s">
        <v>37</v>
      </c>
      <c r="U355" s="3" t="s">
        <v>37</v>
      </c>
      <c r="V355" s="3" t="s">
        <v>37</v>
      </c>
    </row>
    <row r="356" spans="1:22" ht="14.45" customHeight="1" x14ac:dyDescent="0.25">
      <c r="A356" s="3" t="s">
        <v>904</v>
      </c>
      <c r="B356" s="4" t="s">
        <v>829</v>
      </c>
      <c r="C356" s="3" t="s">
        <v>830</v>
      </c>
      <c r="D356" s="5" t="s">
        <v>240</v>
      </c>
      <c r="E356" s="3" t="s">
        <v>1028</v>
      </c>
      <c r="F356" s="3" t="s">
        <v>1579</v>
      </c>
      <c r="G356" s="3" t="s">
        <v>556</v>
      </c>
      <c r="H356" s="3" t="s">
        <v>88</v>
      </c>
      <c r="I356" s="3" t="s">
        <v>1580</v>
      </c>
      <c r="J356" s="3" t="s">
        <v>1581</v>
      </c>
      <c r="K356" s="3" t="s">
        <v>32</v>
      </c>
      <c r="L356" s="3" t="s">
        <v>33</v>
      </c>
      <c r="M356" s="3" t="s">
        <v>74</v>
      </c>
      <c r="N356" s="3" t="s">
        <v>52</v>
      </c>
      <c r="O356" s="3" t="s">
        <v>53</v>
      </c>
      <c r="P356" s="3" t="s">
        <v>37</v>
      </c>
      <c r="Q356" s="3" t="s">
        <v>37</v>
      </c>
      <c r="R356" s="3" t="s">
        <v>39</v>
      </c>
      <c r="S356" s="3" t="s">
        <v>1582</v>
      </c>
      <c r="T356" s="3" t="s">
        <v>37</v>
      </c>
      <c r="U356" s="3" t="s">
        <v>37</v>
      </c>
      <c r="V356" s="3" t="s">
        <v>37</v>
      </c>
    </row>
    <row r="357" spans="1:22" ht="14.45" customHeight="1" x14ac:dyDescent="0.25">
      <c r="A357" s="3" t="s">
        <v>904</v>
      </c>
      <c r="B357" s="4" t="s">
        <v>829</v>
      </c>
      <c r="C357" s="3" t="s">
        <v>830</v>
      </c>
      <c r="D357" s="5" t="s">
        <v>1060</v>
      </c>
      <c r="E357" s="3" t="s">
        <v>916</v>
      </c>
      <c r="F357" s="3" t="s">
        <v>1587</v>
      </c>
      <c r="G357" s="3" t="s">
        <v>64</v>
      </c>
      <c r="H357" s="3" t="s">
        <v>29</v>
      </c>
      <c r="I357" s="3" t="s">
        <v>918</v>
      </c>
      <c r="J357" s="3" t="s">
        <v>1588</v>
      </c>
      <c r="K357" s="3" t="s">
        <v>32</v>
      </c>
      <c r="L357" s="3" t="s">
        <v>33</v>
      </c>
      <c r="M357" s="3" t="s">
        <v>34</v>
      </c>
      <c r="N357" s="3" t="s">
        <v>75</v>
      </c>
      <c r="O357" s="3" t="s">
        <v>53</v>
      </c>
      <c r="P357" s="3" t="s">
        <v>37</v>
      </c>
      <c r="Q357" s="3" t="s">
        <v>37</v>
      </c>
      <c r="R357" s="3" t="s">
        <v>39</v>
      </c>
      <c r="S357" s="3" t="s">
        <v>1589</v>
      </c>
      <c r="T357" s="3" t="s">
        <v>37</v>
      </c>
      <c r="U357" s="3" t="s">
        <v>37</v>
      </c>
      <c r="V357" s="3" t="s">
        <v>37</v>
      </c>
    </row>
    <row r="358" spans="1:22" ht="14.45" customHeight="1" x14ac:dyDescent="0.25">
      <c r="A358" s="3"/>
      <c r="B358" s="4"/>
      <c r="C358" s="3"/>
      <c r="D358" s="5"/>
      <c r="E358" s="6" t="s">
        <v>1064</v>
      </c>
      <c r="F358" s="3"/>
      <c r="G358" s="3"/>
      <c r="H358" s="3"/>
      <c r="I358" s="3"/>
      <c r="J358" s="3"/>
      <c r="K358" s="3"/>
      <c r="L358" s="3"/>
      <c r="M358" s="3"/>
      <c r="N358" s="3"/>
      <c r="O358" s="3"/>
      <c r="P358" s="3"/>
      <c r="Q358" s="3"/>
      <c r="R358" s="3"/>
      <c r="S358" s="3"/>
      <c r="T358" s="3"/>
      <c r="U358" s="3"/>
      <c r="V358" s="3"/>
    </row>
    <row r="359" spans="1:22" ht="14.45" customHeight="1" x14ac:dyDescent="0.25">
      <c r="A359" s="3"/>
      <c r="B359" s="4"/>
      <c r="C359" s="3"/>
      <c r="D359" s="5"/>
      <c r="E359" s="3"/>
      <c r="F359" s="3"/>
      <c r="G359" s="3"/>
      <c r="H359" s="3"/>
      <c r="I359" s="3"/>
      <c r="J359" s="3"/>
      <c r="K359" s="3"/>
      <c r="L359" s="3"/>
      <c r="M359" s="3"/>
      <c r="N359" s="3"/>
      <c r="O359" s="3"/>
      <c r="P359" s="3"/>
      <c r="Q359" s="3"/>
      <c r="R359" s="3"/>
      <c r="S359" s="3"/>
      <c r="T359" s="3"/>
      <c r="U359" s="3"/>
      <c r="V359" s="3"/>
    </row>
  </sheetData>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Disney Channel</vt:lpstr>
      <vt:lpstr>Disney Junior</vt:lpstr>
    </vt:vector>
  </TitlesOfParts>
  <Company>TWDC</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pp-emea-dait</dc:creator>
  <cp:lastModifiedBy>El Omari, Yasmine</cp:lastModifiedBy>
  <dcterms:created xsi:type="dcterms:W3CDTF">2014-03-14T12:11:22Z</dcterms:created>
  <dcterms:modified xsi:type="dcterms:W3CDTF">2020-10-01T12:07:22Z</dcterms:modified>
</cp:coreProperties>
</file>